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130"/>
  <workbookPr/>
  <mc:AlternateContent xmlns:mc="http://schemas.openxmlformats.org/markup-compatibility/2006">
    <mc:Choice Requires="x15">
      <x15ac:absPath xmlns:x15ac="http://schemas.microsoft.com/office/spreadsheetml/2010/11/ac" url="\\s188000003\DATA\指導班\05_建築士法\23条の6（設計等の業務に関する報告）\03-R3業務報告書_電子申請\02_電子申請（評価環境アドレス）\報告書法定様式\"/>
    </mc:Choice>
  </mc:AlternateContent>
  <xr:revisionPtr revIDLastSave="0" documentId="13_ncr:1_{C88395A4-A929-4DD2-B7B9-2EB79209C0E8}" xr6:coauthVersionLast="45" xr6:coauthVersionMax="45" xr10:uidLastSave="{00000000-0000-0000-0000-000000000000}"/>
  <bookViews>
    <workbookView xWindow="2730" yWindow="2130" windowWidth="15315" windowHeight="14070" xr2:uid="{00000000-000D-0000-FFFF-FFFF00000000}"/>
  </bookViews>
  <sheets>
    <sheet name="１面" sheetId="1" r:id="rId1"/>
    <sheet name="２面" sheetId="2" r:id="rId2"/>
    <sheet name="３面" sheetId="3" r:id="rId3"/>
    <sheet name="４面" sheetId="4" r:id="rId4"/>
    <sheet name="５面" sheetId="5" r:id="rId5"/>
  </sheets>
  <definedNames>
    <definedName name="_xlnm.Print_Area" localSheetId="0">'１面'!$A$1:$I$40</definedName>
    <definedName name="_xlnm.Print_Area" localSheetId="1">'２面'!$A$1:$H$50</definedName>
    <definedName name="_xlnm.Print_Area" localSheetId="3">'４面'!$A$1:$H$42</definedName>
    <definedName name="_xlnm.Print_Area" localSheetId="4">'５面'!$A$1:$H$19</definedName>
  </definedNam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154" uniqueCount="105">
  <si>
    <t>第六号の二書式（第二十条の三関係）</t>
  </si>
  <si>
    <t>（第一面）</t>
    <rPh sb="1" eb="2">
      <t>ダイ</t>
    </rPh>
    <rPh sb="2" eb="3">
      <t>イチ</t>
    </rPh>
    <rPh sb="3" eb="4">
      <t>メン</t>
    </rPh>
    <phoneticPr fontId="1"/>
  </si>
  <si>
    <t>号</t>
  </si>
  <si>
    <t>建築士事務所の名称</t>
  </si>
  <si>
    <t>建築士事務所の所在地</t>
  </si>
  <si>
    <t>山口県</t>
  </si>
  <si>
    <t>建築士事務所の電話</t>
  </si>
  <si>
    <t>建築士事務所のFAX</t>
  </si>
  <si>
    <t>建築士事務所の開設者の氏名又は名称</t>
  </si>
  <si>
    <t>　建築士法第23条の６の規定により、設計等の業務に関する報告書を提出します。この報告書の記載事項は事実に相違ありません。</t>
    <phoneticPr fontId="1"/>
  </si>
  <si>
    <t>建築士法第23条の６の規定による
設計等の業務に関する報告書</t>
    <rPh sb="17" eb="20">
      <t>セッケイトウ</t>
    </rPh>
    <rPh sb="21" eb="23">
      <t>ギョウム</t>
    </rPh>
    <rPh sb="24" eb="25">
      <t>カン</t>
    </rPh>
    <rPh sb="27" eb="30">
      <t>ホウコクショ</t>
    </rPh>
    <phoneticPr fontId="1"/>
  </si>
  <si>
    <t>報告書提出日</t>
    <phoneticPr fontId="1"/>
  </si>
  <si>
    <t>山口県知事 様</t>
    <phoneticPr fontId="1"/>
  </si>
  <si>
    <t>建築士事務所山口県登録第</t>
    <rPh sb="0" eb="3">
      <t>ケンチクシ</t>
    </rPh>
    <rPh sb="3" eb="6">
      <t>ジムショ</t>
    </rPh>
    <rPh sb="6" eb="9">
      <t>ヤマグチケン</t>
    </rPh>
    <rPh sb="9" eb="11">
      <t>トウロク</t>
    </rPh>
    <rPh sb="11" eb="12">
      <t>ダイ</t>
    </rPh>
    <phoneticPr fontId="1"/>
  </si>
  <si>
    <t>一級</t>
    <rPh sb="0" eb="2">
      <t>イッキュウ</t>
    </rPh>
    <phoneticPr fontId="1"/>
  </si>
  <si>
    <t>二級</t>
    <rPh sb="0" eb="2">
      <t>ニキュウ</t>
    </rPh>
    <phoneticPr fontId="1"/>
  </si>
  <si>
    <t>木造</t>
    <rPh sb="0" eb="2">
      <t>モクゾウ</t>
    </rPh>
    <phoneticPr fontId="1"/>
  </si>
  <si>
    <t>A-</t>
    <phoneticPr fontId="1"/>
  </si>
  <si>
    <t>B-</t>
    <phoneticPr fontId="1"/>
  </si>
  <si>
    <t>C-</t>
    <phoneticPr fontId="1"/>
  </si>
  <si>
    <t>D-</t>
    <phoneticPr fontId="1"/>
  </si>
  <si>
    <t>E-</t>
    <phoneticPr fontId="1"/>
  </si>
  <si>
    <t>F-</t>
    <phoneticPr fontId="1"/>
  </si>
  <si>
    <t>G-</t>
    <phoneticPr fontId="1"/>
  </si>
  <si>
    <t>H-</t>
    <phoneticPr fontId="1"/>
  </si>
  <si>
    <t>I-</t>
    <phoneticPr fontId="1"/>
  </si>
  <si>
    <t>J-</t>
    <phoneticPr fontId="1"/>
  </si>
  <si>
    <t>K-</t>
    <phoneticPr fontId="1"/>
  </si>
  <si>
    <t>L-</t>
    <phoneticPr fontId="1"/>
  </si>
  <si>
    <t>M-</t>
    <phoneticPr fontId="1"/>
  </si>
  <si>
    <t>N-</t>
    <phoneticPr fontId="1"/>
  </si>
  <si>
    <t>O-</t>
    <phoneticPr fontId="1"/>
  </si>
  <si>
    <t>P-</t>
    <phoneticPr fontId="1"/>
  </si>
  <si>
    <t>Q-</t>
    <phoneticPr fontId="1"/>
  </si>
  <si>
    <t>R-</t>
    <phoneticPr fontId="1"/>
  </si>
  <si>
    <t>S-</t>
    <phoneticPr fontId="1"/>
  </si>
  <si>
    <t>T-</t>
    <phoneticPr fontId="1"/>
  </si>
  <si>
    <t>U-</t>
    <phoneticPr fontId="1"/>
  </si>
  <si>
    <t>V-</t>
    <phoneticPr fontId="1"/>
  </si>
  <si>
    <t>W-</t>
    <phoneticPr fontId="1"/>
  </si>
  <si>
    <t>X-</t>
    <phoneticPr fontId="1"/>
  </si>
  <si>
    <t>Y-</t>
    <phoneticPr fontId="1"/>
  </si>
  <si>
    <t>Z-</t>
    <phoneticPr fontId="1"/>
  </si>
  <si>
    <t>今回の報告書の対象の事業年度</t>
    <phoneticPr fontId="1"/>
  </si>
  <si>
    <t>～</t>
    <phoneticPr fontId="1"/>
  </si>
  <si>
    <t>建築士事務所の開設者が法人である場合には、法人の代表者の氏名も併せて記載すること。</t>
    <phoneticPr fontId="1"/>
  </si>
  <si>
    <t>〔記入注意〕</t>
  </si>
  <si>
    <t>〔記入注意〕</t>
    <rPh sb="1" eb="3">
      <t>キニュウ</t>
    </rPh>
    <rPh sb="3" eb="5">
      <t>チュウイ</t>
    </rPh>
    <phoneticPr fontId="1"/>
  </si>
  <si>
    <t>〒</t>
    <phoneticPr fontId="1"/>
  </si>
  <si>
    <t>（第二面）</t>
    <rPh sb="1" eb="2">
      <t>ダイ</t>
    </rPh>
    <rPh sb="2" eb="3">
      <t>ニ</t>
    </rPh>
    <rPh sb="3" eb="4">
      <t>メン</t>
    </rPh>
    <phoneticPr fontId="1"/>
  </si>
  <si>
    <t>建築士事務所の業務の実績</t>
  </si>
  <si>
    <t>共同住宅</t>
  </si>
  <si>
    <t>2007. 2.1</t>
  </si>
  <si>
    <t>2007.10.3</t>
  </si>
  <si>
    <t>　当該事業年度における直近のものから順次記入して下さい。1枚に収まらない場合は、複数枚にわたって全ての業務について記入して下さい。</t>
    <phoneticPr fontId="1"/>
  </si>
  <si>
    <t>　当該事業年度に業務がなかった場合は、一行目の最初の欄に「該当なし」と記入してください。</t>
    <phoneticPr fontId="1"/>
  </si>
  <si>
    <t>〔例〕</t>
    <rPh sb="1" eb="2">
      <t>レイ</t>
    </rPh>
    <phoneticPr fontId="1"/>
  </si>
  <si>
    <t>設計及び工事監理</t>
    <rPh sb="4" eb="6">
      <t>コウジ</t>
    </rPh>
    <rPh sb="6" eb="8">
      <t>カンリ</t>
    </rPh>
    <phoneticPr fontId="1"/>
  </si>
  <si>
    <t>建築物所在地都道府県</t>
    <rPh sb="0" eb="3">
      <t>ケンチクブツ</t>
    </rPh>
    <rPh sb="3" eb="6">
      <t>ショザイチ</t>
    </rPh>
    <rPh sb="6" eb="10">
      <t>トドウフケン</t>
    </rPh>
    <phoneticPr fontId="1"/>
  </si>
  <si>
    <t>建築物の用途</t>
    <rPh sb="0" eb="3">
      <t>ケンチクブツ</t>
    </rPh>
    <rPh sb="4" eb="6">
      <t>ヨウト</t>
    </rPh>
    <phoneticPr fontId="1"/>
  </si>
  <si>
    <t>構造及び規模</t>
    <rPh sb="0" eb="2">
      <t>コウゾウ</t>
    </rPh>
    <rPh sb="2" eb="3">
      <t>オヨ</t>
    </rPh>
    <rPh sb="4" eb="6">
      <t>キボ</t>
    </rPh>
    <phoneticPr fontId="1"/>
  </si>
  <si>
    <t>業務内容</t>
    <rPh sb="0" eb="2">
      <t>ギョウム</t>
    </rPh>
    <rPh sb="2" eb="4">
      <t>ナイヨウ</t>
    </rPh>
    <phoneticPr fontId="1"/>
  </si>
  <si>
    <t>（業務を行った）期間</t>
    <rPh sb="1" eb="3">
      <t>ギョウム</t>
    </rPh>
    <rPh sb="4" eb="5">
      <t>オコナ</t>
    </rPh>
    <rPh sb="8" eb="10">
      <t>キカン</t>
    </rPh>
    <phoneticPr fontId="1"/>
  </si>
  <si>
    <t>（第三面）</t>
    <rPh sb="1" eb="2">
      <t>ダイ</t>
    </rPh>
    <rPh sb="2" eb="3">
      <t>サン</t>
    </rPh>
    <rPh sb="3" eb="4">
      <t>メン</t>
    </rPh>
    <phoneticPr fontId="1"/>
  </si>
  <si>
    <t>所属建築士名簿</t>
    <rPh sb="0" eb="5">
      <t>ショゾクケンチクシ</t>
    </rPh>
    <rPh sb="5" eb="7">
      <t>メイボ</t>
    </rPh>
    <phoneticPr fontId="1"/>
  </si>
  <si>
    <t>（事業年度末現在）</t>
    <rPh sb="1" eb="3">
      <t>ジギョウ</t>
    </rPh>
    <rPh sb="3" eb="5">
      <t>ネンド</t>
    </rPh>
    <rPh sb="5" eb="6">
      <t>マツ</t>
    </rPh>
    <rPh sb="6" eb="8">
      <t>ゲンザイ</t>
    </rPh>
    <phoneticPr fontId="1"/>
  </si>
  <si>
    <t>氏名</t>
  </si>
  <si>
    <t>登録番号</t>
  </si>
  <si>
    <t>登録を受けた都道府県名（二級建築士又は木造建築士の場合のみ）</t>
  </si>
  <si>
    <t>建築士法第２２条の２第１号から第３号までに定める講習のうち直近のものを受けた年月日（直近の所属建築士の法定定期講習の受講年月日）</t>
  </si>
  <si>
    <t>構造設計一級建築士又は設備設計一級建築士である場合にあっては､その旨</t>
  </si>
  <si>
    <t>構造設計一級建築士証又は設備設計一級建築士証の交付番号</t>
  </si>
  <si>
    <t>建築士法第２２条の２第４号及び第５号に定める講習のうちそれぞれ直近のものを受けた年月日（直近の構造／設備設計一級建築士の法定定期講習の受講年月日）</t>
  </si>
  <si>
    <t>一級建築士
二級建築士
木造建築士の別及び管理建築士である場合にあっては、その旨</t>
    <rPh sb="6" eb="8">
      <t>ニキュウ</t>
    </rPh>
    <rPh sb="8" eb="11">
      <t>ケンチクシ</t>
    </rPh>
    <rPh sb="12" eb="17">
      <t>モクゾウケンチクシ</t>
    </rPh>
    <rPh sb="18" eb="19">
      <t>ベツ</t>
    </rPh>
    <rPh sb="19" eb="20">
      <t>オヨ</t>
    </rPh>
    <rPh sb="21" eb="26">
      <t>カンリケンチクシ</t>
    </rPh>
    <rPh sb="29" eb="31">
      <t>バアイ</t>
    </rPh>
    <rPh sb="39" eb="40">
      <t>ムネ</t>
    </rPh>
    <phoneticPr fontId="1"/>
  </si>
  <si>
    <t>計</t>
    <rPh sb="0" eb="1">
      <t>ケイ</t>
    </rPh>
    <phoneticPr fontId="1"/>
  </si>
  <si>
    <t>一級建築士</t>
    <rPh sb="0" eb="2">
      <t>イッキュウ</t>
    </rPh>
    <rPh sb="2" eb="5">
      <t>ケンチクシ</t>
    </rPh>
    <phoneticPr fontId="1"/>
  </si>
  <si>
    <t>二級建築士</t>
    <rPh sb="0" eb="2">
      <t>ニキュウ</t>
    </rPh>
    <rPh sb="2" eb="5">
      <t>ケンチクシ</t>
    </rPh>
    <phoneticPr fontId="1"/>
  </si>
  <si>
    <t>木造建築士</t>
    <rPh sb="0" eb="2">
      <t>モクゾウ</t>
    </rPh>
    <rPh sb="2" eb="5">
      <t>ケンチクシ</t>
    </rPh>
    <phoneticPr fontId="1"/>
  </si>
  <si>
    <t>構造設計一級建築士</t>
    <rPh sb="0" eb="4">
      <t>コウゾウセッケイ</t>
    </rPh>
    <rPh sb="4" eb="6">
      <t>イッキュウ</t>
    </rPh>
    <rPh sb="6" eb="9">
      <t>ケンチクシ</t>
    </rPh>
    <phoneticPr fontId="1"/>
  </si>
  <si>
    <t>設備設計一級建築士</t>
    <rPh sb="0" eb="2">
      <t>セツビ</t>
    </rPh>
    <rPh sb="2" eb="4">
      <t>セッケイ</t>
    </rPh>
    <rPh sb="4" eb="6">
      <t>イッキュウ</t>
    </rPh>
    <rPh sb="6" eb="9">
      <t>ケンチクシ</t>
    </rPh>
    <phoneticPr fontId="1"/>
  </si>
  <si>
    <t>名</t>
    <rPh sb="0" eb="1">
      <t>メイ</t>
    </rPh>
    <phoneticPr fontId="1"/>
  </si>
  <si>
    <t>　所属建築士の当該事業年度における業務の実績を、当該建築士事務所におけるものに限って、直近のものから順次記入して下さい。1枚に収まらない場合は、複数枚にわたって全ての業務について記入して下さい。</t>
    <phoneticPr fontId="1"/>
  </si>
  <si>
    <t>（担当した）所属建築士の氏名</t>
    <rPh sb="1" eb="3">
      <t>タントウ</t>
    </rPh>
    <rPh sb="6" eb="11">
      <t>ショゾクケンチクシ</t>
    </rPh>
    <rPh sb="12" eb="14">
      <t>シメイ</t>
    </rPh>
    <phoneticPr fontId="1"/>
  </si>
  <si>
    <t>（第四面）</t>
    <rPh sb="1" eb="2">
      <t>ダイ</t>
    </rPh>
    <rPh sb="2" eb="3">
      <t>シ</t>
    </rPh>
    <rPh sb="3" eb="4">
      <t>メン</t>
    </rPh>
    <phoneticPr fontId="1"/>
  </si>
  <si>
    <t>所属建築士の業務の実績</t>
    <rPh sb="0" eb="2">
      <t>ショゾク</t>
    </rPh>
    <phoneticPr fontId="1"/>
  </si>
  <si>
    <t>山口太郎</t>
    <rPh sb="0" eb="2">
      <t>ヤマグチ</t>
    </rPh>
    <rPh sb="2" eb="4">
      <t>タロウ</t>
    </rPh>
    <phoneticPr fontId="1"/>
  </si>
  <si>
    <t>（第五面）</t>
    <rPh sb="1" eb="2">
      <t>ダイ</t>
    </rPh>
    <rPh sb="2" eb="3">
      <t>ゴ</t>
    </rPh>
    <rPh sb="3" eb="4">
      <t>メン</t>
    </rPh>
    <phoneticPr fontId="1"/>
  </si>
  <si>
    <t>管理建築士による意見の概要</t>
    <rPh sb="0" eb="5">
      <t>カンリケンチクシ</t>
    </rPh>
    <rPh sb="8" eb="10">
      <t>イケン</t>
    </rPh>
    <rPh sb="11" eb="13">
      <t>ガイヨウ</t>
    </rPh>
    <phoneticPr fontId="1"/>
  </si>
  <si>
    <t>　当該事業年度における直近のものから順次記入して下さい。1枚に収まらない場合は、複数枚にわたって全ての意見について記入して下さい。</t>
    <phoneticPr fontId="1"/>
  </si>
  <si>
    <t>　開設者と管理建築士が同一人の場合、当該事業年度に業務がなかった場合又は意見を述べなかった場合は、一行目の最初の欄に「該当なし」と記入してください。</t>
    <phoneticPr fontId="1"/>
  </si>
  <si>
    <t>建築士事務所の開設者に対して述べられた意見の概要</t>
    <phoneticPr fontId="1"/>
  </si>
  <si>
    <t>当該意見が述べられた日</t>
    <phoneticPr fontId="1"/>
  </si>
  <si>
    <t>管理建築士
の氏名</t>
    <phoneticPr fontId="1"/>
  </si>
  <si>
    <t>←2021/7/1の形式で入力</t>
    <rPh sb="10" eb="12">
      <t>ケイシキ</t>
    </rPh>
    <rPh sb="13" eb="15">
      <t>ニュウリョク</t>
    </rPh>
    <phoneticPr fontId="1"/>
  </si>
  <si>
    <t>←2020/1/1の形式で入力</t>
    <rPh sb="10" eb="12">
      <t>ケイシキ</t>
    </rPh>
    <rPh sb="13" eb="15">
      <t>ニュウリョク</t>
    </rPh>
    <phoneticPr fontId="1"/>
  </si>
  <si>
    <t>←会社名</t>
    <rPh sb="1" eb="4">
      <t>カイシャメイ</t>
    </rPh>
    <phoneticPr fontId="1"/>
  </si>
  <si>
    <t>←役職、氏名</t>
    <rPh sb="1" eb="3">
      <t>ヤクショク</t>
    </rPh>
    <rPh sb="4" eb="6">
      <t>シメイ</t>
    </rPh>
    <phoneticPr fontId="1"/>
  </si>
  <si>
    <t>会社名</t>
    <rPh sb="0" eb="3">
      <t>カイシャメイ</t>
    </rPh>
    <phoneticPr fontId="1"/>
  </si>
  <si>
    <t>役職</t>
    <rPh sb="0" eb="2">
      <t>ヤクショク</t>
    </rPh>
    <phoneticPr fontId="1"/>
  </si>
  <si>
    <t>氏名</t>
    <rPh sb="0" eb="2">
      <t>シメイ</t>
    </rPh>
    <phoneticPr fontId="1"/>
  </si>
  <si>
    <t>鉄筋コンクリート造
五階建延700㎡</t>
    <phoneticPr fontId="1"/>
  </si>
  <si>
    <t>-</t>
    <phoneticPr fontId="1"/>
  </si>
  <si>
    <t>※行が不足する場合は、下方にページを継ぎ足してください！</t>
    <rPh sb="1" eb="2">
      <t>ギョウ</t>
    </rPh>
    <rPh sb="3" eb="5">
      <t>フソク</t>
    </rPh>
    <rPh sb="7" eb="9">
      <t>バアイ</t>
    </rPh>
    <rPh sb="11" eb="13">
      <t>カホウ</t>
    </rPh>
    <rPh sb="18" eb="19">
      <t>ツ</t>
    </rPh>
    <rPh sb="20" eb="21">
      <t>タ</t>
    </rPh>
    <phoneticPr fontId="1"/>
  </si>
  <si>
    <t>【注意】
　提出された報告書を別のプログラムソフトで自動処理するため、シートの改編ができないように保護しています。</t>
    <rPh sb="1" eb="3">
      <t>チュウイ</t>
    </rPh>
    <rPh sb="6" eb="8">
      <t>テイシュツ</t>
    </rPh>
    <rPh sb="11" eb="14">
      <t>ホウコクショ</t>
    </rPh>
    <rPh sb="15" eb="16">
      <t>ベツ</t>
    </rPh>
    <rPh sb="26" eb="28">
      <t>ジドウ</t>
    </rPh>
    <rPh sb="28" eb="30">
      <t>ショリ</t>
    </rPh>
    <rPh sb="39" eb="41">
      <t>カイヘン</t>
    </rPh>
    <rPh sb="49" eb="51">
      <t>ホゴ</t>
    </rPh>
    <phoneticPr fontId="1"/>
  </si>
  <si>
    <t>←級別、登録アルファベットはﾌﾟﾙﾀﾞｳﾝから選択</t>
    <rPh sb="1" eb="3">
      <t>キュウベツ</t>
    </rPh>
    <rPh sb="4" eb="6">
      <t>トウロク</t>
    </rPh>
    <rPh sb="23" eb="25">
      <t>センタ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ggge&quot;年&quot;m&quot;月&quot;d&quot;日&quot;;@" x16r2:formatCode16="[$-ja-JP-x-gannen]ggge&quot;年&quot;m&quot;月&quot;d&quot;日&quot;;@"/>
    <numFmt numFmtId="177" formatCode="0_ "/>
  </numFmts>
  <fonts count="11">
    <font>
      <sz val="11"/>
      <color theme="1"/>
      <name val="Yu Gothic"/>
      <family val="2"/>
      <scheme val="minor"/>
    </font>
    <font>
      <sz val="6"/>
      <name val="Yu Gothic"/>
      <family val="3"/>
      <charset val="128"/>
      <scheme val="minor"/>
    </font>
    <font>
      <sz val="10.5"/>
      <color theme="1"/>
      <name val="ＭＳ 明朝"/>
      <family val="1"/>
      <charset val="128"/>
    </font>
    <font>
      <sz val="11"/>
      <color theme="1"/>
      <name val="ＭＳ Ｐ明朝"/>
      <family val="1"/>
      <charset val="128"/>
    </font>
    <font>
      <sz val="10.5"/>
      <color theme="1"/>
      <name val="ＭＳ Ｐ明朝"/>
      <family val="1"/>
      <charset val="128"/>
    </font>
    <font>
      <sz val="12"/>
      <color theme="1"/>
      <name val="ＭＳ Ｐ明朝"/>
      <family val="1"/>
      <charset val="128"/>
    </font>
    <font>
      <sz val="9"/>
      <color theme="1"/>
      <name val="ＭＳ Ｐ明朝"/>
      <family val="1"/>
      <charset val="128"/>
    </font>
    <font>
      <sz val="11"/>
      <color theme="1"/>
      <name val="ＭＳ 明朝"/>
      <family val="1"/>
      <charset val="128"/>
    </font>
    <font>
      <sz val="8"/>
      <color theme="1"/>
      <name val="ＭＳ Ｐ明朝"/>
      <family val="1"/>
      <charset val="128"/>
    </font>
    <font>
      <sz val="8"/>
      <color theme="1"/>
      <name val="ＭＳ 明朝"/>
      <family val="1"/>
      <charset val="128"/>
    </font>
    <font>
      <sz val="10.5"/>
      <color theme="1"/>
      <name val="Yu Gothic"/>
      <family val="2"/>
      <scheme val="minor"/>
    </font>
  </fonts>
  <fills count="3">
    <fill>
      <patternFill patternType="none"/>
    </fill>
    <fill>
      <patternFill patternType="gray125"/>
    </fill>
    <fill>
      <patternFill patternType="solid">
        <fgColor theme="0" tint="-4.9989318521683403E-2"/>
        <bgColor indexed="64"/>
      </patternFill>
    </fill>
  </fills>
  <borders count="21">
    <border>
      <left/>
      <right/>
      <top/>
      <bottom/>
      <diagonal/>
    </border>
    <border>
      <left/>
      <right/>
      <top/>
      <bottom style="thin">
        <color indexed="64"/>
      </bottom>
      <diagonal/>
    </border>
    <border>
      <left/>
      <right/>
      <top/>
      <bottom style="dotted">
        <color indexed="64"/>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thin">
        <color auto="1"/>
      </left>
      <right style="thin">
        <color auto="1"/>
      </right>
      <top style="hair">
        <color auto="1"/>
      </top>
      <bottom style="thin">
        <color auto="1"/>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dotted">
        <color auto="1"/>
      </top>
      <bottom style="dotted">
        <color auto="1"/>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s>
  <cellStyleXfs count="1">
    <xf numFmtId="0" fontId="0" fillId="0" borderId="0"/>
  </cellStyleXfs>
  <cellXfs count="90">
    <xf numFmtId="0" fontId="0" fillId="0" borderId="0" xfId="0"/>
    <xf numFmtId="0" fontId="3" fillId="0" borderId="0" xfId="0" applyFont="1" applyAlignment="1">
      <alignment horizontal="left"/>
    </xf>
    <xf numFmtId="0" fontId="3" fillId="0" borderId="0" xfId="0" applyFont="1" applyAlignment="1">
      <alignmen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applyFont="1" applyAlignment="1">
      <alignment horizontal="center" vertical="center" wrapText="1"/>
    </xf>
    <xf numFmtId="0" fontId="4" fillId="0" borderId="0" xfId="0" applyFont="1" applyAlignment="1">
      <alignment horizontal="center" vertical="center"/>
    </xf>
    <xf numFmtId="0" fontId="5" fillId="0" borderId="0" xfId="0" applyFont="1" applyAlignment="1">
      <alignment horizontal="center" vertical="center"/>
    </xf>
    <xf numFmtId="0" fontId="6" fillId="0" borderId="0" xfId="0" applyFont="1" applyAlignment="1">
      <alignment horizontal="left" vertical="center"/>
    </xf>
    <xf numFmtId="0" fontId="6" fillId="0" borderId="0" xfId="0" applyFont="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0" xfId="0" applyFont="1" applyAlignment="1">
      <alignment horizont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 xfId="0" applyFont="1" applyBorder="1" applyAlignment="1">
      <alignment horizontal="center" vertical="center"/>
    </xf>
    <xf numFmtId="0" fontId="3" fillId="0" borderId="0" xfId="0" applyFont="1" applyAlignment="1">
      <alignment horizontal="center" vertical="center" shrinkToFit="1"/>
    </xf>
    <xf numFmtId="0" fontId="3" fillId="0" borderId="0" xfId="0" applyFont="1" applyBorder="1" applyAlignment="1">
      <alignment horizontal="center" vertical="center"/>
    </xf>
    <xf numFmtId="0" fontId="7" fillId="0" borderId="0" xfId="0" applyFont="1" applyAlignment="1">
      <alignment horizontal="center" vertical="center" wrapText="1"/>
    </xf>
    <xf numFmtId="0" fontId="7" fillId="0" borderId="0" xfId="0" applyFont="1" applyAlignment="1">
      <alignment horizontal="left" vertical="center" wrapText="1"/>
    </xf>
    <xf numFmtId="0" fontId="7" fillId="0" borderId="0" xfId="0" applyFont="1" applyBorder="1" applyAlignment="1">
      <alignment horizontal="center" vertical="center" wrapText="1"/>
    </xf>
    <xf numFmtId="0" fontId="8" fillId="0" borderId="3" xfId="0" applyFont="1" applyBorder="1" applyAlignment="1">
      <alignment horizontal="left" vertical="center" wrapText="1"/>
    </xf>
    <xf numFmtId="0" fontId="6" fillId="0" borderId="3" xfId="0" applyFont="1" applyBorder="1" applyAlignment="1">
      <alignment horizontal="center" vertical="center"/>
    </xf>
    <xf numFmtId="0" fontId="6" fillId="0" borderId="3" xfId="0" applyFont="1" applyBorder="1" applyAlignment="1">
      <alignment horizontal="left" vertical="center" wrapText="1"/>
    </xf>
    <xf numFmtId="0" fontId="7" fillId="0" borderId="0" xfId="0" applyFont="1" applyBorder="1" applyAlignment="1">
      <alignment horizontal="center" vertical="top" wrapText="1"/>
    </xf>
    <xf numFmtId="0" fontId="3" fillId="0" borderId="11"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9" xfId="0" applyFont="1" applyBorder="1" applyAlignment="1">
      <alignment horizontal="center" vertical="center"/>
    </xf>
    <xf numFmtId="0" fontId="3" fillId="0" borderId="20" xfId="0" applyFont="1" applyBorder="1" applyAlignment="1">
      <alignment horizontal="center" vertical="center"/>
    </xf>
    <xf numFmtId="0" fontId="3" fillId="2" borderId="19" xfId="0" applyFont="1" applyFill="1" applyBorder="1" applyAlignment="1">
      <alignment horizontal="center" vertical="center"/>
    </xf>
    <xf numFmtId="0" fontId="3" fillId="2" borderId="10" xfId="0" applyFont="1" applyFill="1" applyBorder="1" applyAlignment="1">
      <alignment horizontal="center" vertical="center"/>
    </xf>
    <xf numFmtId="0" fontId="8" fillId="0" borderId="3" xfId="0" applyFont="1" applyBorder="1" applyAlignment="1">
      <alignment horizontal="center" vertical="center" wrapText="1"/>
    </xf>
    <xf numFmtId="0" fontId="10" fillId="0" borderId="0" xfId="0" applyFont="1"/>
    <xf numFmtId="0" fontId="4" fillId="0" borderId="0" xfId="0" applyFont="1" applyAlignment="1">
      <alignment horizontal="right" vertical="center"/>
    </xf>
    <xf numFmtId="0" fontId="2" fillId="0" borderId="0" xfId="0" applyFont="1" applyAlignment="1">
      <alignment horizontal="center" wrapText="1"/>
    </xf>
    <xf numFmtId="0" fontId="2" fillId="0" borderId="0" xfId="0" applyFont="1" applyBorder="1" applyAlignment="1">
      <alignment horizontal="center" vertical="top" wrapText="1"/>
    </xf>
    <xf numFmtId="0" fontId="3" fillId="0" borderId="0" xfId="0" applyFont="1" applyAlignment="1">
      <alignment horizontal="center" vertical="center"/>
    </xf>
    <xf numFmtId="49" fontId="3" fillId="0" borderId="10" xfId="0" applyNumberFormat="1" applyFont="1" applyFill="1" applyBorder="1" applyAlignment="1">
      <alignment vertical="center"/>
    </xf>
    <xf numFmtId="49" fontId="3" fillId="0" borderId="2" xfId="0" applyNumberFormat="1" applyFont="1" applyFill="1" applyBorder="1" applyAlignment="1">
      <alignment vertical="center"/>
    </xf>
    <xf numFmtId="0" fontId="3" fillId="0" borderId="17" xfId="0" applyFont="1" applyBorder="1" applyAlignment="1">
      <alignment horizontal="center" vertical="center"/>
    </xf>
    <xf numFmtId="0" fontId="3" fillId="0" borderId="0" xfId="0" applyFont="1" applyAlignment="1">
      <alignment horizontal="center" vertical="center"/>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6" fillId="0" borderId="3" xfId="0" applyFont="1" applyBorder="1" applyAlignment="1">
      <alignment horizontal="center" vertical="center"/>
    </xf>
    <xf numFmtId="0" fontId="3" fillId="2" borderId="2" xfId="0" applyFont="1" applyFill="1" applyBorder="1" applyAlignment="1" applyProtection="1">
      <alignment horizontal="center" vertical="center"/>
      <protection locked="0"/>
    </xf>
    <xf numFmtId="177" fontId="3" fillId="2" borderId="3" xfId="0" applyNumberFormat="1" applyFont="1" applyFill="1" applyBorder="1" applyAlignment="1" applyProtection="1">
      <alignment horizontal="center" vertical="center"/>
      <protection locked="0"/>
    </xf>
    <xf numFmtId="0" fontId="3" fillId="0" borderId="0" xfId="0" applyFont="1" applyAlignment="1">
      <alignment horizontal="left" vertical="top" wrapText="1"/>
    </xf>
    <xf numFmtId="49" fontId="3" fillId="2" borderId="2" xfId="0" applyNumberFormat="1" applyFont="1" applyFill="1" applyBorder="1" applyAlignment="1" applyProtection="1">
      <alignment horizontal="left" vertical="center" indent="1"/>
      <protection locked="0"/>
    </xf>
    <xf numFmtId="49" fontId="3" fillId="2" borderId="0" xfId="0" applyNumberFormat="1" applyFont="1" applyFill="1" applyAlignment="1" applyProtection="1">
      <alignment horizontal="left" vertical="center" indent="1"/>
      <protection locked="0"/>
    </xf>
    <xf numFmtId="0" fontId="3" fillId="0" borderId="0" xfId="0" applyFont="1" applyAlignment="1">
      <alignment horizontal="left" vertical="center" wrapText="1"/>
    </xf>
    <xf numFmtId="0" fontId="3" fillId="0" borderId="0" xfId="0" applyFont="1" applyAlignment="1">
      <alignment horizontal="center" vertical="center"/>
    </xf>
    <xf numFmtId="0" fontId="3" fillId="0" borderId="0" xfId="0" applyFont="1" applyAlignment="1">
      <alignment horizontal="center" vertical="center" wrapText="1"/>
    </xf>
    <xf numFmtId="176" fontId="3" fillId="2" borderId="0" xfId="0" applyNumberFormat="1" applyFont="1" applyFill="1" applyBorder="1" applyAlignment="1" applyProtection="1">
      <alignment horizontal="center" vertical="center"/>
      <protection locked="0"/>
    </xf>
    <xf numFmtId="49" fontId="3" fillId="2" borderId="2" xfId="0" applyNumberFormat="1" applyFont="1" applyFill="1" applyBorder="1" applyAlignment="1" applyProtection="1">
      <alignment horizontal="center" vertical="center"/>
      <protection locked="0"/>
    </xf>
    <xf numFmtId="176" fontId="3" fillId="2" borderId="2" xfId="0" applyNumberFormat="1" applyFont="1" applyFill="1" applyBorder="1" applyAlignment="1" applyProtection="1">
      <alignment horizontal="center" vertical="center"/>
      <protection locked="0"/>
    </xf>
    <xf numFmtId="0" fontId="3" fillId="0" borderId="0" xfId="0" applyFont="1" applyAlignment="1">
      <alignment horizontal="right" vertical="center"/>
    </xf>
    <xf numFmtId="49" fontId="3" fillId="2" borderId="10" xfId="0" applyNumberFormat="1" applyFont="1" applyFill="1" applyBorder="1" applyAlignment="1" applyProtection="1">
      <alignment horizontal="left" vertical="center"/>
      <protection locked="0"/>
    </xf>
    <xf numFmtId="49" fontId="3" fillId="2" borderId="2" xfId="0" applyNumberFormat="1" applyFont="1" applyFill="1" applyBorder="1" applyAlignment="1" applyProtection="1">
      <alignment horizontal="left" vertical="center"/>
      <protection locked="0"/>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20"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3" fillId="0" borderId="19" xfId="0" applyFont="1" applyBorder="1" applyAlignment="1">
      <alignment horizontal="center" vertical="center"/>
    </xf>
    <xf numFmtId="0" fontId="3" fillId="0" borderId="1" xfId="0" applyFont="1" applyBorder="1" applyAlignment="1">
      <alignment horizontal="center" vertical="center"/>
    </xf>
    <xf numFmtId="0" fontId="6" fillId="0" borderId="3" xfId="0" applyFont="1" applyBorder="1" applyAlignment="1">
      <alignment horizontal="center" vertical="center"/>
    </xf>
    <xf numFmtId="0" fontId="2" fillId="0" borderId="0" xfId="0" applyFont="1" applyAlignment="1">
      <alignment horizontal="center" vertical="center" wrapText="1"/>
    </xf>
    <xf numFmtId="0" fontId="2" fillId="0" borderId="0" xfId="0" applyFont="1" applyBorder="1" applyAlignment="1">
      <alignment horizontal="center" vertical="center" wrapText="1"/>
    </xf>
    <xf numFmtId="0" fontId="2" fillId="0" borderId="0" xfId="0" applyFont="1" applyAlignment="1">
      <alignment horizontal="center" vertical="center"/>
    </xf>
    <xf numFmtId="0" fontId="2" fillId="0" borderId="0" xfId="0" applyFont="1" applyAlignment="1">
      <alignment horizontal="left" vertical="center" wrapText="1"/>
    </xf>
    <xf numFmtId="0" fontId="2" fillId="0" borderId="0" xfId="0" applyFont="1" applyAlignment="1">
      <alignment horizontal="right" vertical="center" indent="1"/>
    </xf>
    <xf numFmtId="0" fontId="3" fillId="0" borderId="12" xfId="0" applyFont="1" applyBorder="1" applyAlignment="1">
      <alignment horizontal="center" vertical="center"/>
    </xf>
    <xf numFmtId="0" fontId="3" fillId="0" borderId="0" xfId="0" applyFont="1" applyBorder="1" applyAlignment="1">
      <alignment horizontal="center" vertical="center"/>
    </xf>
    <xf numFmtId="0" fontId="3" fillId="0" borderId="19" xfId="0" applyFont="1" applyBorder="1" applyAlignment="1">
      <alignment horizontal="left" vertical="center" indent="2"/>
    </xf>
    <xf numFmtId="0" fontId="3" fillId="0" borderId="0" xfId="0" applyFont="1" applyBorder="1" applyAlignment="1">
      <alignment horizontal="left" vertical="center" indent="2"/>
    </xf>
    <xf numFmtId="0" fontId="3" fillId="0" borderId="1" xfId="0" applyFont="1" applyBorder="1" applyAlignment="1">
      <alignment horizontal="left" vertical="center" indent="2"/>
    </xf>
    <xf numFmtId="0" fontId="9" fillId="0" borderId="15" xfId="0" applyFont="1" applyBorder="1" applyAlignment="1">
      <alignment horizontal="justify" vertical="center" wrapText="1"/>
    </xf>
    <xf numFmtId="0" fontId="9" fillId="0" borderId="16" xfId="0" applyFont="1" applyBorder="1" applyAlignment="1">
      <alignment horizontal="justify" vertical="center" wrapText="1"/>
    </xf>
    <xf numFmtId="0" fontId="9" fillId="0" borderId="17" xfId="0" applyFont="1" applyBorder="1" applyAlignment="1">
      <alignment horizontal="justify" vertical="center" wrapText="1"/>
    </xf>
    <xf numFmtId="0" fontId="9" fillId="0" borderId="15" xfId="0" applyFont="1" applyBorder="1" applyAlignment="1">
      <alignment horizontal="center" vertical="center" wrapText="1"/>
    </xf>
    <xf numFmtId="0" fontId="9" fillId="0" borderId="16" xfId="0" applyFont="1" applyBorder="1" applyAlignment="1">
      <alignment horizontal="center" vertical="center" wrapText="1"/>
    </xf>
    <xf numFmtId="0" fontId="9" fillId="0" borderId="17" xfId="0" applyFont="1" applyBorder="1" applyAlignment="1">
      <alignment horizontal="center" vertical="center" wrapText="1"/>
    </xf>
    <xf numFmtId="0" fontId="2" fillId="0" borderId="0" xfId="0" applyFont="1" applyAlignment="1">
      <alignment horizontal="center" wrapText="1"/>
    </xf>
    <xf numFmtId="0" fontId="3" fillId="0" borderId="3" xfId="0" applyFont="1" applyBorder="1" applyAlignment="1">
      <alignment horizontal="center" vertical="center"/>
    </xf>
    <xf numFmtId="0" fontId="3" fillId="0" borderId="3"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L48"/>
  <sheetViews>
    <sheetView tabSelected="1" view="pageBreakPreview" zoomScale="85" zoomScaleNormal="100" zoomScaleSheetLayoutView="85" workbookViewId="0">
      <selection activeCell="J15" sqref="J15"/>
    </sheetView>
  </sheetViews>
  <sheetFormatPr defaultRowHeight="14.25"/>
  <cols>
    <col min="1" max="6" width="9" style="7"/>
    <col min="7" max="7" width="4.5" style="7" customWidth="1"/>
    <col min="8" max="9" width="9" style="7"/>
    <col min="10" max="10" width="56.375" style="7" customWidth="1"/>
    <col min="11" max="12" width="7.25" style="7" customWidth="1"/>
    <col min="13" max="16384" width="9" style="7"/>
  </cols>
  <sheetData>
    <row r="1" spans="1:12" s="9" customFormat="1" ht="11.25">
      <c r="A1" s="8" t="s">
        <v>0</v>
      </c>
    </row>
    <row r="2" spans="1:12" ht="18.75" customHeight="1">
      <c r="J2" s="50" t="s">
        <v>103</v>
      </c>
    </row>
    <row r="3" spans="1:12" s="4" customFormat="1" ht="37.5" customHeight="1">
      <c r="A3" s="55" t="s">
        <v>10</v>
      </c>
      <c r="B3" s="54"/>
      <c r="C3" s="54"/>
      <c r="D3" s="54"/>
      <c r="E3" s="54"/>
      <c r="F3" s="54"/>
      <c r="G3" s="54"/>
      <c r="H3" s="54"/>
      <c r="I3" s="54"/>
      <c r="J3" s="50"/>
    </row>
    <row r="4" spans="1:12" s="4" customFormat="1" ht="13.5"/>
    <row r="5" spans="1:12" s="4" customFormat="1" ht="13.5">
      <c r="A5" s="54" t="s">
        <v>1</v>
      </c>
      <c r="B5" s="54"/>
      <c r="C5" s="54"/>
      <c r="D5" s="54"/>
      <c r="E5" s="54"/>
      <c r="F5" s="54"/>
      <c r="G5" s="54"/>
      <c r="H5" s="54"/>
      <c r="I5" s="54"/>
    </row>
    <row r="6" spans="1:12" s="4" customFormat="1" ht="13.5"/>
    <row r="7" spans="1:12" s="4" customFormat="1" ht="36.75" customHeight="1">
      <c r="A7" s="53" t="s">
        <v>9</v>
      </c>
      <c r="B7" s="53"/>
      <c r="C7" s="53"/>
      <c r="D7" s="53"/>
      <c r="E7" s="53"/>
      <c r="F7" s="53"/>
      <c r="G7" s="53"/>
      <c r="H7" s="53"/>
      <c r="I7" s="53"/>
      <c r="J7" s="5"/>
    </row>
    <row r="8" spans="1:12" s="4" customFormat="1" ht="13.5">
      <c r="K8" s="14"/>
      <c r="L8" s="10"/>
    </row>
    <row r="9" spans="1:12" s="4" customFormat="1" ht="13.5">
      <c r="A9" s="3" t="s">
        <v>12</v>
      </c>
      <c r="K9" s="15" t="s">
        <v>14</v>
      </c>
      <c r="L9" s="11" t="s">
        <v>101</v>
      </c>
    </row>
    <row r="10" spans="1:12" s="4" customFormat="1" ht="13.5">
      <c r="K10" s="15" t="s">
        <v>15</v>
      </c>
      <c r="L10" s="11" t="s">
        <v>17</v>
      </c>
    </row>
    <row r="11" spans="1:12" s="4" customFormat="1" ht="13.5" customHeight="1">
      <c r="E11" s="54" t="s">
        <v>11</v>
      </c>
      <c r="F11" s="54"/>
      <c r="G11" s="56"/>
      <c r="H11" s="56"/>
      <c r="I11" s="56"/>
      <c r="J11" s="3" t="s">
        <v>93</v>
      </c>
      <c r="K11" s="16" t="s">
        <v>16</v>
      </c>
      <c r="L11" s="11" t="s">
        <v>18</v>
      </c>
    </row>
    <row r="12" spans="1:12" s="4" customFormat="1" ht="13.5">
      <c r="L12" s="11" t="s">
        <v>19</v>
      </c>
    </row>
    <row r="13" spans="1:12" s="4" customFormat="1" ht="13.5" customHeight="1">
      <c r="A13" s="3"/>
      <c r="C13" s="48"/>
      <c r="D13" s="54" t="s">
        <v>13</v>
      </c>
      <c r="E13" s="54"/>
      <c r="F13" s="54"/>
      <c r="G13" s="48"/>
      <c r="H13" s="49"/>
      <c r="I13" s="4" t="s">
        <v>2</v>
      </c>
      <c r="J13" s="3" t="s">
        <v>104</v>
      </c>
      <c r="L13" s="11" t="s">
        <v>20</v>
      </c>
    </row>
    <row r="14" spans="1:12" s="13" customFormat="1" ht="20.25" customHeight="1">
      <c r="C14" s="1" t="s">
        <v>3</v>
      </c>
      <c r="L14" s="11" t="s">
        <v>21</v>
      </c>
    </row>
    <row r="15" spans="1:12" s="4" customFormat="1" ht="20.25" customHeight="1">
      <c r="C15" s="51"/>
      <c r="D15" s="51"/>
      <c r="E15" s="51"/>
      <c r="F15" s="51"/>
      <c r="G15" s="51"/>
      <c r="H15" s="51"/>
      <c r="I15" s="51"/>
      <c r="L15" s="11" t="s">
        <v>22</v>
      </c>
    </row>
    <row r="16" spans="1:12" s="13" customFormat="1" ht="20.25" customHeight="1">
      <c r="C16" s="1" t="s">
        <v>4</v>
      </c>
      <c r="L16" s="11" t="s">
        <v>23</v>
      </c>
    </row>
    <row r="17" spans="1:12" s="4" customFormat="1" ht="13.5">
      <c r="C17" s="52" t="s">
        <v>48</v>
      </c>
      <c r="D17" s="52"/>
      <c r="L17" s="11" t="s">
        <v>24</v>
      </c>
    </row>
    <row r="18" spans="1:12" s="4" customFormat="1" ht="20.25" customHeight="1">
      <c r="C18" s="51"/>
      <c r="D18" s="51"/>
      <c r="E18" s="51"/>
      <c r="F18" s="51"/>
      <c r="G18" s="51"/>
      <c r="H18" s="51"/>
      <c r="I18" s="51"/>
      <c r="L18" s="11" t="s">
        <v>25</v>
      </c>
    </row>
    <row r="19" spans="1:12" s="4" customFormat="1" ht="13.5">
      <c r="L19" s="11" t="s">
        <v>26</v>
      </c>
    </row>
    <row r="20" spans="1:12" s="4" customFormat="1" ht="13.5">
      <c r="L20" s="11" t="s">
        <v>27</v>
      </c>
    </row>
    <row r="21" spans="1:12" s="4" customFormat="1" ht="13.5">
      <c r="C21" s="3" t="s">
        <v>6</v>
      </c>
      <c r="F21" s="57"/>
      <c r="G21" s="57"/>
      <c r="H21" s="57"/>
      <c r="I21" s="57"/>
      <c r="L21" s="11" t="s">
        <v>28</v>
      </c>
    </row>
    <row r="22" spans="1:12" s="4" customFormat="1" ht="13.5">
      <c r="C22" s="3"/>
      <c r="L22" s="11" t="s">
        <v>29</v>
      </c>
    </row>
    <row r="23" spans="1:12" s="4" customFormat="1" ht="13.5">
      <c r="C23" s="3" t="s">
        <v>7</v>
      </c>
      <c r="F23" s="57"/>
      <c r="G23" s="57"/>
      <c r="H23" s="57"/>
      <c r="I23" s="57"/>
      <c r="L23" s="11" t="s">
        <v>30</v>
      </c>
    </row>
    <row r="24" spans="1:12" s="4" customFormat="1" ht="13.5">
      <c r="L24" s="11" t="s">
        <v>31</v>
      </c>
    </row>
    <row r="25" spans="1:12" s="4" customFormat="1" ht="13.5">
      <c r="C25" s="3" t="s">
        <v>8</v>
      </c>
      <c r="L25" s="11" t="s">
        <v>32</v>
      </c>
    </row>
    <row r="26" spans="1:12" s="4" customFormat="1" ht="20.25" customHeight="1">
      <c r="C26" s="42" t="s">
        <v>97</v>
      </c>
      <c r="D26" s="61"/>
      <c r="E26" s="61"/>
      <c r="F26" s="61"/>
      <c r="G26" s="61"/>
      <c r="H26" s="61"/>
      <c r="I26" s="61"/>
      <c r="J26" s="3" t="s">
        <v>95</v>
      </c>
      <c r="L26" s="11" t="s">
        <v>33</v>
      </c>
    </row>
    <row r="27" spans="1:12" s="4" customFormat="1" ht="20.25" customHeight="1">
      <c r="C27" s="41" t="s">
        <v>98</v>
      </c>
      <c r="D27" s="60"/>
      <c r="E27" s="60"/>
      <c r="F27" s="41" t="s">
        <v>99</v>
      </c>
      <c r="G27" s="60"/>
      <c r="H27" s="60"/>
      <c r="I27" s="60"/>
      <c r="J27" s="3" t="s">
        <v>96</v>
      </c>
      <c r="L27" s="11" t="s">
        <v>34</v>
      </c>
    </row>
    <row r="28" spans="1:12" s="4" customFormat="1" ht="13.5">
      <c r="L28" s="11" t="s">
        <v>35</v>
      </c>
    </row>
    <row r="29" spans="1:12" s="4" customFormat="1" ht="13.5">
      <c r="L29" s="11" t="s">
        <v>36</v>
      </c>
    </row>
    <row r="30" spans="1:12" s="4" customFormat="1" ht="13.5">
      <c r="A30" s="59" t="s">
        <v>43</v>
      </c>
      <c r="B30" s="59"/>
      <c r="C30" s="59"/>
      <c r="D30" s="59"/>
      <c r="E30" s="58"/>
      <c r="F30" s="58"/>
      <c r="G30" s="4" t="s">
        <v>44</v>
      </c>
      <c r="H30" s="58"/>
      <c r="I30" s="58"/>
      <c r="J30" s="3" t="s">
        <v>94</v>
      </c>
      <c r="L30" s="11" t="s">
        <v>37</v>
      </c>
    </row>
    <row r="31" spans="1:12" s="4" customFormat="1" ht="13.5">
      <c r="L31" s="11" t="s">
        <v>38</v>
      </c>
    </row>
    <row r="32" spans="1:12" s="4" customFormat="1" ht="13.5">
      <c r="L32" s="11" t="s">
        <v>39</v>
      </c>
    </row>
    <row r="33" spans="1:12" s="4" customFormat="1" ht="13.5">
      <c r="A33" s="18" t="s">
        <v>47</v>
      </c>
      <c r="B33" s="53" t="s">
        <v>45</v>
      </c>
      <c r="C33" s="53"/>
      <c r="D33" s="53"/>
      <c r="E33" s="53"/>
      <c r="F33" s="53"/>
      <c r="G33" s="53"/>
      <c r="H33" s="53"/>
      <c r="I33" s="53"/>
      <c r="L33" s="11" t="s">
        <v>40</v>
      </c>
    </row>
    <row r="34" spans="1:12" s="4" customFormat="1" ht="13.5">
      <c r="B34" s="53"/>
      <c r="C34" s="53"/>
      <c r="D34" s="53"/>
      <c r="E34" s="53"/>
      <c r="F34" s="53"/>
      <c r="G34" s="53"/>
      <c r="H34" s="53"/>
      <c r="I34" s="53"/>
      <c r="L34" s="11" t="s">
        <v>41</v>
      </c>
    </row>
    <row r="35" spans="1:12" s="4" customFormat="1" ht="13.5">
      <c r="L35" s="12" t="s">
        <v>42</v>
      </c>
    </row>
    <row r="36" spans="1:12" s="4" customFormat="1" ht="13.5"/>
    <row r="37" spans="1:12" s="4" customFormat="1" ht="13.5"/>
    <row r="38" spans="1:12" s="4" customFormat="1" ht="13.5"/>
    <row r="39" spans="1:12" s="4" customFormat="1" ht="13.5"/>
    <row r="40" spans="1:12" s="4" customFormat="1" ht="13.5"/>
    <row r="41" spans="1:12" s="4" customFormat="1" ht="13.5"/>
    <row r="42" spans="1:12" s="4" customFormat="1" ht="13.5"/>
    <row r="43" spans="1:12" s="4" customFormat="1" ht="13.5"/>
    <row r="44" spans="1:12" s="4" customFormat="1" ht="13.5"/>
    <row r="45" spans="1:12" s="4" customFormat="1" ht="13.5"/>
    <row r="46" spans="1:12" s="4" customFormat="1" ht="13.5"/>
    <row r="47" spans="1:12" s="4" customFormat="1" ht="13.5"/>
    <row r="48" spans="1:12" s="4" customFormat="1" ht="13.5"/>
  </sheetData>
  <mergeCells count="19">
    <mergeCell ref="B33:I34"/>
    <mergeCell ref="F21:I21"/>
    <mergeCell ref="F23:I23"/>
    <mergeCell ref="E30:F30"/>
    <mergeCell ref="H30:I30"/>
    <mergeCell ref="A30:D30"/>
    <mergeCell ref="G27:I27"/>
    <mergeCell ref="D27:E27"/>
    <mergeCell ref="D26:I26"/>
    <mergeCell ref="J2:J3"/>
    <mergeCell ref="C15:I15"/>
    <mergeCell ref="C18:I18"/>
    <mergeCell ref="C17:D17"/>
    <mergeCell ref="A7:I7"/>
    <mergeCell ref="A5:I5"/>
    <mergeCell ref="A3:I3"/>
    <mergeCell ref="E11:F11"/>
    <mergeCell ref="G11:I11"/>
    <mergeCell ref="D13:F13"/>
  </mergeCells>
  <phoneticPr fontId="1"/>
  <dataValidations count="2">
    <dataValidation type="list" allowBlank="1" showInputMessage="1" showErrorMessage="1" sqref="C13" xr:uid="{6256BBBE-28B6-4FAA-87C0-ACC390004EE9}">
      <formula1>$K$8:$K$11</formula1>
    </dataValidation>
    <dataValidation type="list" allowBlank="1" showInputMessage="1" showErrorMessage="1" sqref="G13" xr:uid="{5ED1D855-ADBE-450F-AFA1-013101D38FBC}">
      <formula1>$L$8:$L$35</formula1>
    </dataValidation>
  </dataValidations>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2E260B-24AA-4E90-8E66-2E6BE2ED7633}">
  <dimension ref="A2:I156"/>
  <sheetViews>
    <sheetView view="pageBreakPreview" zoomScale="85" zoomScaleNormal="100" zoomScaleSheetLayoutView="85" workbookViewId="0"/>
  </sheetViews>
  <sheetFormatPr defaultRowHeight="13.5"/>
  <cols>
    <col min="1" max="6" width="9" style="4"/>
    <col min="7" max="8" width="11.375" style="4" customWidth="1"/>
    <col min="9" max="16384" width="9" style="4"/>
  </cols>
  <sheetData>
    <row r="2" spans="1:9">
      <c r="A2" s="54" t="s">
        <v>49</v>
      </c>
      <c r="B2" s="54"/>
      <c r="C2" s="54"/>
      <c r="D2" s="54"/>
      <c r="E2" s="54"/>
      <c r="F2" s="54"/>
      <c r="G2" s="54"/>
      <c r="H2" s="54"/>
    </row>
    <row r="4" spans="1:9" ht="18.75" customHeight="1">
      <c r="A4" s="73" t="s">
        <v>50</v>
      </c>
      <c r="B4" s="73"/>
      <c r="C4" s="73"/>
      <c r="D4" s="73"/>
      <c r="E4" s="73"/>
      <c r="F4" s="73"/>
      <c r="G4" s="73"/>
      <c r="H4" s="73"/>
    </row>
    <row r="5" spans="1:9" s="6" customFormat="1" ht="17.25">
      <c r="A5" s="75" t="s">
        <v>46</v>
      </c>
      <c r="B5" s="75"/>
      <c r="C5" s="36"/>
      <c r="D5" s="36"/>
    </row>
    <row r="6" spans="1:9" s="6" customFormat="1" ht="27.75" customHeight="1">
      <c r="A6" s="37">
        <v>1</v>
      </c>
      <c r="B6" s="74" t="s">
        <v>54</v>
      </c>
      <c r="C6" s="74"/>
      <c r="D6" s="74"/>
      <c r="E6" s="74"/>
      <c r="F6" s="74"/>
      <c r="G6" s="74"/>
      <c r="H6" s="74"/>
    </row>
    <row r="7" spans="1:9" s="6" customFormat="1" ht="27.75" customHeight="1">
      <c r="A7" s="37">
        <v>2</v>
      </c>
      <c r="B7" s="74" t="s">
        <v>55</v>
      </c>
      <c r="C7" s="74"/>
      <c r="D7" s="74"/>
      <c r="E7" s="74"/>
      <c r="F7" s="74"/>
      <c r="G7" s="74"/>
      <c r="H7" s="74"/>
    </row>
    <row r="8" spans="1:9" s="6" customFormat="1" ht="17.25" customHeight="1">
      <c r="A8" s="37">
        <v>3</v>
      </c>
      <c r="B8" s="36" t="s">
        <v>56</v>
      </c>
      <c r="C8" s="36"/>
      <c r="D8" s="36"/>
    </row>
    <row r="9" spans="1:9" s="6" customFormat="1" ht="18" customHeight="1">
      <c r="A9" s="71" t="s">
        <v>5</v>
      </c>
      <c r="B9" s="71" t="s">
        <v>51</v>
      </c>
      <c r="C9" s="71"/>
      <c r="D9" s="71" t="s">
        <v>100</v>
      </c>
      <c r="E9" s="71"/>
      <c r="F9" s="71"/>
      <c r="G9" s="74" t="s">
        <v>57</v>
      </c>
      <c r="H9" s="38" t="s">
        <v>52</v>
      </c>
    </row>
    <row r="10" spans="1:9" s="6" customFormat="1" ht="18" customHeight="1">
      <c r="A10" s="72"/>
      <c r="B10" s="71"/>
      <c r="C10" s="71"/>
      <c r="D10" s="71"/>
      <c r="E10" s="71"/>
      <c r="F10" s="71"/>
      <c r="G10" s="74"/>
      <c r="H10" s="39" t="s">
        <v>53</v>
      </c>
    </row>
    <row r="11" spans="1:9" ht="6.75" customHeight="1">
      <c r="A11" s="22"/>
      <c r="B11" s="20"/>
      <c r="C11" s="20"/>
      <c r="D11" s="26"/>
      <c r="E11" s="26"/>
      <c r="F11" s="26"/>
      <c r="G11" s="21"/>
      <c r="H11" s="26"/>
    </row>
    <row r="12" spans="1:9" ht="35.25" customHeight="1">
      <c r="A12" s="23" t="s">
        <v>58</v>
      </c>
      <c r="B12" s="70" t="s">
        <v>59</v>
      </c>
      <c r="C12" s="70"/>
      <c r="D12" s="70" t="s">
        <v>60</v>
      </c>
      <c r="E12" s="70"/>
      <c r="F12" s="70"/>
      <c r="G12" s="24" t="s">
        <v>61</v>
      </c>
      <c r="H12" s="25" t="s">
        <v>62</v>
      </c>
    </row>
    <row r="13" spans="1:9" ht="13.5" customHeight="1">
      <c r="A13" s="62"/>
      <c r="B13" s="64"/>
      <c r="C13" s="65"/>
      <c r="D13" s="64"/>
      <c r="E13" s="68"/>
      <c r="F13" s="65"/>
      <c r="G13" s="62"/>
      <c r="H13" s="29"/>
      <c r="I13" s="3" t="s">
        <v>102</v>
      </c>
    </row>
    <row r="14" spans="1:9" ht="13.5" customHeight="1">
      <c r="A14" s="63"/>
      <c r="B14" s="66"/>
      <c r="C14" s="67"/>
      <c r="D14" s="66"/>
      <c r="E14" s="69"/>
      <c r="F14" s="67"/>
      <c r="G14" s="63"/>
      <c r="H14" s="43"/>
      <c r="I14" s="44"/>
    </row>
    <row r="15" spans="1:9" ht="13.5" customHeight="1">
      <c r="A15" s="62"/>
      <c r="B15" s="64"/>
      <c r="C15" s="65"/>
      <c r="D15" s="64"/>
      <c r="E15" s="68"/>
      <c r="F15" s="65"/>
      <c r="G15" s="62"/>
      <c r="H15" s="29"/>
    </row>
    <row r="16" spans="1:9" ht="13.5" customHeight="1">
      <c r="A16" s="63"/>
      <c r="B16" s="66"/>
      <c r="C16" s="67"/>
      <c r="D16" s="66"/>
      <c r="E16" s="69"/>
      <c r="F16" s="67"/>
      <c r="G16" s="63"/>
      <c r="H16" s="43"/>
    </row>
    <row r="17" spans="1:8" ht="13.5" customHeight="1">
      <c r="A17" s="62"/>
      <c r="B17" s="64"/>
      <c r="C17" s="65"/>
      <c r="D17" s="64"/>
      <c r="E17" s="68"/>
      <c r="F17" s="65"/>
      <c r="G17" s="62"/>
      <c r="H17" s="29"/>
    </row>
    <row r="18" spans="1:8" ht="13.5" customHeight="1">
      <c r="A18" s="63"/>
      <c r="B18" s="66"/>
      <c r="C18" s="67"/>
      <c r="D18" s="66"/>
      <c r="E18" s="69"/>
      <c r="F18" s="67"/>
      <c r="G18" s="63"/>
      <c r="H18" s="43"/>
    </row>
    <row r="19" spans="1:8" ht="13.5" customHeight="1">
      <c r="A19" s="62"/>
      <c r="B19" s="64"/>
      <c r="C19" s="65"/>
      <c r="D19" s="64"/>
      <c r="E19" s="68"/>
      <c r="F19" s="65"/>
      <c r="G19" s="62"/>
      <c r="H19" s="29"/>
    </row>
    <row r="20" spans="1:8" ht="13.5" customHeight="1">
      <c r="A20" s="63"/>
      <c r="B20" s="66"/>
      <c r="C20" s="67"/>
      <c r="D20" s="66"/>
      <c r="E20" s="69"/>
      <c r="F20" s="67"/>
      <c r="G20" s="63"/>
      <c r="H20" s="43"/>
    </row>
    <row r="21" spans="1:8" ht="13.5" customHeight="1">
      <c r="A21" s="62"/>
      <c r="B21" s="64"/>
      <c r="C21" s="65"/>
      <c r="D21" s="64"/>
      <c r="E21" s="68"/>
      <c r="F21" s="65"/>
      <c r="G21" s="62"/>
      <c r="H21" s="29"/>
    </row>
    <row r="22" spans="1:8" ht="13.5" customHeight="1">
      <c r="A22" s="63"/>
      <c r="B22" s="66"/>
      <c r="C22" s="67"/>
      <c r="D22" s="66"/>
      <c r="E22" s="69"/>
      <c r="F22" s="67"/>
      <c r="G22" s="63"/>
      <c r="H22" s="43"/>
    </row>
    <row r="23" spans="1:8" ht="13.5" customHeight="1">
      <c r="A23" s="62"/>
      <c r="B23" s="64"/>
      <c r="C23" s="65"/>
      <c r="D23" s="64"/>
      <c r="E23" s="68"/>
      <c r="F23" s="65"/>
      <c r="G23" s="62"/>
      <c r="H23" s="29"/>
    </row>
    <row r="24" spans="1:8" ht="13.5" customHeight="1">
      <c r="A24" s="63"/>
      <c r="B24" s="66"/>
      <c r="C24" s="67"/>
      <c r="D24" s="66"/>
      <c r="E24" s="69"/>
      <c r="F24" s="67"/>
      <c r="G24" s="63"/>
      <c r="H24" s="43"/>
    </row>
    <row r="25" spans="1:8" ht="13.5" customHeight="1">
      <c r="A25" s="62"/>
      <c r="B25" s="64"/>
      <c r="C25" s="65"/>
      <c r="D25" s="64"/>
      <c r="E25" s="68"/>
      <c r="F25" s="65"/>
      <c r="G25" s="62"/>
      <c r="H25" s="29"/>
    </row>
    <row r="26" spans="1:8" ht="13.5" customHeight="1">
      <c r="A26" s="63"/>
      <c r="B26" s="66"/>
      <c r="C26" s="67"/>
      <c r="D26" s="66"/>
      <c r="E26" s="69"/>
      <c r="F26" s="67"/>
      <c r="G26" s="63"/>
      <c r="H26" s="43"/>
    </row>
    <row r="27" spans="1:8" ht="13.5" customHeight="1">
      <c r="A27" s="62"/>
      <c r="B27" s="64"/>
      <c r="C27" s="65"/>
      <c r="D27" s="64"/>
      <c r="E27" s="68"/>
      <c r="F27" s="65"/>
      <c r="G27" s="62"/>
      <c r="H27" s="29"/>
    </row>
    <row r="28" spans="1:8" ht="13.5" customHeight="1">
      <c r="A28" s="63"/>
      <c r="B28" s="66"/>
      <c r="C28" s="67"/>
      <c r="D28" s="66"/>
      <c r="E28" s="69"/>
      <c r="F28" s="67"/>
      <c r="G28" s="63"/>
      <c r="H28" s="43"/>
    </row>
    <row r="29" spans="1:8" ht="13.5" customHeight="1">
      <c r="A29" s="62"/>
      <c r="B29" s="64"/>
      <c r="C29" s="65"/>
      <c r="D29" s="64"/>
      <c r="E29" s="68"/>
      <c r="F29" s="65"/>
      <c r="G29" s="62"/>
      <c r="H29" s="29"/>
    </row>
    <row r="30" spans="1:8" ht="13.5" customHeight="1">
      <c r="A30" s="63"/>
      <c r="B30" s="66"/>
      <c r="C30" s="67"/>
      <c r="D30" s="66"/>
      <c r="E30" s="69"/>
      <c r="F30" s="67"/>
      <c r="G30" s="63"/>
      <c r="H30" s="43"/>
    </row>
    <row r="31" spans="1:8" ht="13.5" customHeight="1">
      <c r="A31" s="62"/>
      <c r="B31" s="64"/>
      <c r="C31" s="65"/>
      <c r="D31" s="64"/>
      <c r="E31" s="68"/>
      <c r="F31" s="65"/>
      <c r="G31" s="62"/>
      <c r="H31" s="29"/>
    </row>
    <row r="32" spans="1:8" ht="13.5" customHeight="1">
      <c r="A32" s="63"/>
      <c r="B32" s="66"/>
      <c r="C32" s="67"/>
      <c r="D32" s="66"/>
      <c r="E32" s="69"/>
      <c r="F32" s="67"/>
      <c r="G32" s="63"/>
      <c r="H32" s="43"/>
    </row>
    <row r="33" spans="1:8" s="40" customFormat="1" ht="13.5" customHeight="1">
      <c r="A33" s="62"/>
      <c r="B33" s="64"/>
      <c r="C33" s="65"/>
      <c r="D33" s="64"/>
      <c r="E33" s="68"/>
      <c r="F33" s="65"/>
      <c r="G33" s="62"/>
      <c r="H33" s="29"/>
    </row>
    <row r="34" spans="1:8" s="40" customFormat="1" ht="13.5" customHeight="1">
      <c r="A34" s="63"/>
      <c r="B34" s="66"/>
      <c r="C34" s="67"/>
      <c r="D34" s="66"/>
      <c r="E34" s="69"/>
      <c r="F34" s="67"/>
      <c r="G34" s="63"/>
      <c r="H34" s="43"/>
    </row>
    <row r="35" spans="1:8" s="40" customFormat="1" ht="13.5" customHeight="1">
      <c r="A35" s="62"/>
      <c r="B35" s="64"/>
      <c r="C35" s="65"/>
      <c r="D35" s="64"/>
      <c r="E35" s="68"/>
      <c r="F35" s="65"/>
      <c r="G35" s="62"/>
      <c r="H35" s="29"/>
    </row>
    <row r="36" spans="1:8" s="40" customFormat="1" ht="13.5" customHeight="1">
      <c r="A36" s="63"/>
      <c r="B36" s="66"/>
      <c r="C36" s="67"/>
      <c r="D36" s="66"/>
      <c r="E36" s="69"/>
      <c r="F36" s="67"/>
      <c r="G36" s="63"/>
      <c r="H36" s="43"/>
    </row>
    <row r="37" spans="1:8" s="40" customFormat="1" ht="13.5" customHeight="1">
      <c r="A37" s="62"/>
      <c r="B37" s="64"/>
      <c r="C37" s="65"/>
      <c r="D37" s="64"/>
      <c r="E37" s="68"/>
      <c r="F37" s="65"/>
      <c r="G37" s="62"/>
      <c r="H37" s="29"/>
    </row>
    <row r="38" spans="1:8" s="40" customFormat="1" ht="13.5" customHeight="1">
      <c r="A38" s="63"/>
      <c r="B38" s="66"/>
      <c r="C38" s="67"/>
      <c r="D38" s="66"/>
      <c r="E38" s="69"/>
      <c r="F38" s="67"/>
      <c r="G38" s="63"/>
      <c r="H38" s="43"/>
    </row>
    <row r="39" spans="1:8" s="40" customFormat="1" ht="13.5" customHeight="1">
      <c r="A39" s="62"/>
      <c r="B39" s="64"/>
      <c r="C39" s="65"/>
      <c r="D39" s="64"/>
      <c r="E39" s="68"/>
      <c r="F39" s="65"/>
      <c r="G39" s="62"/>
      <c r="H39" s="29"/>
    </row>
    <row r="40" spans="1:8" s="40" customFormat="1" ht="13.5" customHeight="1">
      <c r="A40" s="63"/>
      <c r="B40" s="66"/>
      <c r="C40" s="67"/>
      <c r="D40" s="66"/>
      <c r="E40" s="69"/>
      <c r="F40" s="67"/>
      <c r="G40" s="63"/>
      <c r="H40" s="43"/>
    </row>
    <row r="41" spans="1:8" s="40" customFormat="1" ht="13.5" customHeight="1">
      <c r="A41" s="62"/>
      <c r="B41" s="64"/>
      <c r="C41" s="65"/>
      <c r="D41" s="64"/>
      <c r="E41" s="68"/>
      <c r="F41" s="65"/>
      <c r="G41" s="62"/>
      <c r="H41" s="29"/>
    </row>
    <row r="42" spans="1:8" s="40" customFormat="1" ht="13.5" customHeight="1">
      <c r="A42" s="63"/>
      <c r="B42" s="66"/>
      <c r="C42" s="67"/>
      <c r="D42" s="66"/>
      <c r="E42" s="69"/>
      <c r="F42" s="67"/>
      <c r="G42" s="63"/>
      <c r="H42" s="43"/>
    </row>
    <row r="43" spans="1:8" s="40" customFormat="1" ht="13.5" customHeight="1">
      <c r="A43" s="62"/>
      <c r="B43" s="64"/>
      <c r="C43" s="65"/>
      <c r="D43" s="64"/>
      <c r="E43" s="68"/>
      <c r="F43" s="65"/>
      <c r="G43" s="62"/>
      <c r="H43" s="29"/>
    </row>
    <row r="44" spans="1:8" s="40" customFormat="1" ht="13.5" customHeight="1">
      <c r="A44" s="63"/>
      <c r="B44" s="66"/>
      <c r="C44" s="67"/>
      <c r="D44" s="66"/>
      <c r="E44" s="69"/>
      <c r="F44" s="67"/>
      <c r="G44" s="63"/>
      <c r="H44" s="43"/>
    </row>
    <row r="45" spans="1:8" s="40" customFormat="1" ht="13.5" customHeight="1">
      <c r="A45" s="62"/>
      <c r="B45" s="64"/>
      <c r="C45" s="65"/>
      <c r="D45" s="64"/>
      <c r="E45" s="68"/>
      <c r="F45" s="65"/>
      <c r="G45" s="62"/>
      <c r="H45" s="29"/>
    </row>
    <row r="46" spans="1:8" s="40" customFormat="1" ht="13.5" customHeight="1">
      <c r="A46" s="63"/>
      <c r="B46" s="66"/>
      <c r="C46" s="67"/>
      <c r="D46" s="66"/>
      <c r="E46" s="69"/>
      <c r="F46" s="67"/>
      <c r="G46" s="63"/>
      <c r="H46" s="43"/>
    </row>
    <row r="47" spans="1:8" s="40" customFormat="1" ht="13.5" customHeight="1">
      <c r="A47" s="62"/>
      <c r="B47" s="64"/>
      <c r="C47" s="65"/>
      <c r="D47" s="64"/>
      <c r="E47" s="68"/>
      <c r="F47" s="65"/>
      <c r="G47" s="62"/>
      <c r="H47" s="29"/>
    </row>
    <row r="48" spans="1:8" s="40" customFormat="1" ht="13.5" customHeight="1">
      <c r="A48" s="63"/>
      <c r="B48" s="66"/>
      <c r="C48" s="67"/>
      <c r="D48" s="66"/>
      <c r="E48" s="69"/>
      <c r="F48" s="67"/>
      <c r="G48" s="63"/>
      <c r="H48" s="43"/>
    </row>
    <row r="49" spans="1:8" s="40" customFormat="1" ht="13.5" customHeight="1">
      <c r="A49" s="62"/>
      <c r="B49" s="64"/>
      <c r="C49" s="65"/>
      <c r="D49" s="64"/>
      <c r="E49" s="68"/>
      <c r="F49" s="65"/>
      <c r="G49" s="62"/>
      <c r="H49" s="29"/>
    </row>
    <row r="50" spans="1:8" s="40" customFormat="1" ht="13.5" customHeight="1">
      <c r="A50" s="63"/>
      <c r="B50" s="66"/>
      <c r="C50" s="67"/>
      <c r="D50" s="66"/>
      <c r="E50" s="69"/>
      <c r="F50" s="67"/>
      <c r="G50" s="63"/>
      <c r="H50" s="43"/>
    </row>
    <row r="51" spans="1:8" s="44" customFormat="1" ht="35.25" customHeight="1">
      <c r="A51" s="23" t="s">
        <v>58</v>
      </c>
      <c r="B51" s="70" t="s">
        <v>59</v>
      </c>
      <c r="C51" s="70"/>
      <c r="D51" s="70" t="s">
        <v>60</v>
      </c>
      <c r="E51" s="70"/>
      <c r="F51" s="70"/>
      <c r="G51" s="47" t="s">
        <v>61</v>
      </c>
      <c r="H51" s="25" t="s">
        <v>62</v>
      </c>
    </row>
    <row r="52" spans="1:8" s="44" customFormat="1" ht="13.5" customHeight="1">
      <c r="A52" s="62"/>
      <c r="B52" s="64"/>
      <c r="C52" s="65"/>
      <c r="D52" s="64"/>
      <c r="E52" s="68"/>
      <c r="F52" s="65"/>
      <c r="G52" s="62"/>
      <c r="H52" s="45"/>
    </row>
    <row r="53" spans="1:8" s="44" customFormat="1" ht="13.5" customHeight="1">
      <c r="A53" s="63"/>
      <c r="B53" s="66"/>
      <c r="C53" s="67"/>
      <c r="D53" s="66"/>
      <c r="E53" s="69"/>
      <c r="F53" s="67"/>
      <c r="G53" s="63"/>
      <c r="H53" s="46"/>
    </row>
    <row r="54" spans="1:8" s="44" customFormat="1" ht="13.5" customHeight="1">
      <c r="A54" s="62"/>
      <c r="B54" s="64"/>
      <c r="C54" s="65"/>
      <c r="D54" s="64"/>
      <c r="E54" s="68"/>
      <c r="F54" s="65"/>
      <c r="G54" s="62"/>
      <c r="H54" s="45"/>
    </row>
    <row r="55" spans="1:8" s="44" customFormat="1" ht="13.5" customHeight="1">
      <c r="A55" s="63"/>
      <c r="B55" s="66"/>
      <c r="C55" s="67"/>
      <c r="D55" s="66"/>
      <c r="E55" s="69"/>
      <c r="F55" s="67"/>
      <c r="G55" s="63"/>
      <c r="H55" s="46"/>
    </row>
    <row r="56" spans="1:8" s="44" customFormat="1" ht="13.5" customHeight="1">
      <c r="A56" s="62"/>
      <c r="B56" s="64"/>
      <c r="C56" s="65"/>
      <c r="D56" s="64"/>
      <c r="E56" s="68"/>
      <c r="F56" s="65"/>
      <c r="G56" s="62"/>
      <c r="H56" s="45"/>
    </row>
    <row r="57" spans="1:8" s="44" customFormat="1" ht="13.5" customHeight="1">
      <c r="A57" s="63"/>
      <c r="B57" s="66"/>
      <c r="C57" s="67"/>
      <c r="D57" s="66"/>
      <c r="E57" s="69"/>
      <c r="F57" s="67"/>
      <c r="G57" s="63"/>
      <c r="H57" s="46"/>
    </row>
    <row r="58" spans="1:8" s="44" customFormat="1" ht="13.5" customHeight="1">
      <c r="A58" s="62"/>
      <c r="B58" s="64"/>
      <c r="C58" s="65"/>
      <c r="D58" s="64"/>
      <c r="E58" s="68"/>
      <c r="F58" s="65"/>
      <c r="G58" s="62"/>
      <c r="H58" s="45"/>
    </row>
    <row r="59" spans="1:8" s="44" customFormat="1" ht="13.5" customHeight="1">
      <c r="A59" s="63"/>
      <c r="B59" s="66"/>
      <c r="C59" s="67"/>
      <c r="D59" s="66"/>
      <c r="E59" s="69"/>
      <c r="F59" s="67"/>
      <c r="G59" s="63"/>
      <c r="H59" s="46"/>
    </row>
    <row r="60" spans="1:8" s="44" customFormat="1" ht="13.5" customHeight="1">
      <c r="A60" s="62"/>
      <c r="B60" s="64"/>
      <c r="C60" s="65"/>
      <c r="D60" s="64"/>
      <c r="E60" s="68"/>
      <c r="F60" s="65"/>
      <c r="G60" s="62"/>
      <c r="H60" s="45"/>
    </row>
    <row r="61" spans="1:8" s="44" customFormat="1" ht="13.5" customHeight="1">
      <c r="A61" s="63"/>
      <c r="B61" s="66"/>
      <c r="C61" s="67"/>
      <c r="D61" s="66"/>
      <c r="E61" s="69"/>
      <c r="F61" s="67"/>
      <c r="G61" s="63"/>
      <c r="H61" s="46"/>
    </row>
    <row r="62" spans="1:8" s="44" customFormat="1" ht="13.5" customHeight="1">
      <c r="A62" s="62"/>
      <c r="B62" s="64"/>
      <c r="C62" s="65"/>
      <c r="D62" s="64"/>
      <c r="E62" s="68"/>
      <c r="F62" s="65"/>
      <c r="G62" s="62"/>
      <c r="H62" s="45"/>
    </row>
    <row r="63" spans="1:8" s="44" customFormat="1" ht="13.5" customHeight="1">
      <c r="A63" s="63"/>
      <c r="B63" s="66"/>
      <c r="C63" s="67"/>
      <c r="D63" s="66"/>
      <c r="E63" s="69"/>
      <c r="F63" s="67"/>
      <c r="G63" s="63"/>
      <c r="H63" s="46"/>
    </row>
    <row r="64" spans="1:8" s="44" customFormat="1" ht="13.5" customHeight="1">
      <c r="A64" s="62"/>
      <c r="B64" s="64"/>
      <c r="C64" s="65"/>
      <c r="D64" s="64"/>
      <c r="E64" s="68"/>
      <c r="F64" s="65"/>
      <c r="G64" s="62"/>
      <c r="H64" s="45"/>
    </row>
    <row r="65" spans="1:8" s="44" customFormat="1" ht="13.5" customHeight="1">
      <c r="A65" s="63"/>
      <c r="B65" s="66"/>
      <c r="C65" s="67"/>
      <c r="D65" s="66"/>
      <c r="E65" s="69"/>
      <c r="F65" s="67"/>
      <c r="G65" s="63"/>
      <c r="H65" s="46"/>
    </row>
    <row r="66" spans="1:8" s="44" customFormat="1" ht="13.5" customHeight="1">
      <c r="A66" s="62"/>
      <c r="B66" s="64"/>
      <c r="C66" s="65"/>
      <c r="D66" s="64"/>
      <c r="E66" s="68"/>
      <c r="F66" s="65"/>
      <c r="G66" s="62"/>
      <c r="H66" s="45"/>
    </row>
    <row r="67" spans="1:8" s="44" customFormat="1" ht="13.5" customHeight="1">
      <c r="A67" s="63"/>
      <c r="B67" s="66"/>
      <c r="C67" s="67"/>
      <c r="D67" s="66"/>
      <c r="E67" s="69"/>
      <c r="F67" s="67"/>
      <c r="G67" s="63"/>
      <c r="H67" s="46"/>
    </row>
    <row r="68" spans="1:8" s="44" customFormat="1" ht="13.5" customHeight="1">
      <c r="A68" s="62"/>
      <c r="B68" s="64"/>
      <c r="C68" s="65"/>
      <c r="D68" s="64"/>
      <c r="E68" s="68"/>
      <c r="F68" s="65"/>
      <c r="G68" s="62"/>
      <c r="H68" s="45"/>
    </row>
    <row r="69" spans="1:8" s="44" customFormat="1" ht="13.5" customHeight="1">
      <c r="A69" s="63"/>
      <c r="B69" s="66"/>
      <c r="C69" s="67"/>
      <c r="D69" s="66"/>
      <c r="E69" s="69"/>
      <c r="F69" s="67"/>
      <c r="G69" s="63"/>
      <c r="H69" s="46"/>
    </row>
    <row r="70" spans="1:8" s="44" customFormat="1" ht="13.5" customHeight="1">
      <c r="A70" s="62"/>
      <c r="B70" s="64"/>
      <c r="C70" s="65"/>
      <c r="D70" s="64"/>
      <c r="E70" s="68"/>
      <c r="F70" s="65"/>
      <c r="G70" s="62"/>
      <c r="H70" s="45"/>
    </row>
    <row r="71" spans="1:8" s="44" customFormat="1" ht="13.5" customHeight="1">
      <c r="A71" s="63"/>
      <c r="B71" s="66"/>
      <c r="C71" s="67"/>
      <c r="D71" s="66"/>
      <c r="E71" s="69"/>
      <c r="F71" s="67"/>
      <c r="G71" s="63"/>
      <c r="H71" s="46"/>
    </row>
    <row r="72" spans="1:8" s="44" customFormat="1" ht="13.5" customHeight="1">
      <c r="A72" s="62"/>
      <c r="B72" s="64"/>
      <c r="C72" s="65"/>
      <c r="D72" s="64"/>
      <c r="E72" s="68"/>
      <c r="F72" s="65"/>
      <c r="G72" s="62"/>
      <c r="H72" s="45"/>
    </row>
    <row r="73" spans="1:8" s="44" customFormat="1" ht="13.5" customHeight="1">
      <c r="A73" s="63"/>
      <c r="B73" s="66"/>
      <c r="C73" s="67"/>
      <c r="D73" s="66"/>
      <c r="E73" s="69"/>
      <c r="F73" s="67"/>
      <c r="G73" s="63"/>
      <c r="H73" s="46"/>
    </row>
    <row r="74" spans="1:8" s="44" customFormat="1" ht="13.5" customHeight="1">
      <c r="A74" s="62"/>
      <c r="B74" s="64"/>
      <c r="C74" s="65"/>
      <c r="D74" s="64"/>
      <c r="E74" s="68"/>
      <c r="F74" s="65"/>
      <c r="G74" s="62"/>
      <c r="H74" s="45"/>
    </row>
    <row r="75" spans="1:8" s="44" customFormat="1" ht="13.5" customHeight="1">
      <c r="A75" s="63"/>
      <c r="B75" s="66"/>
      <c r="C75" s="67"/>
      <c r="D75" s="66"/>
      <c r="E75" s="69"/>
      <c r="F75" s="67"/>
      <c r="G75" s="63"/>
      <c r="H75" s="46"/>
    </row>
    <row r="76" spans="1:8" s="44" customFormat="1" ht="13.5" customHeight="1">
      <c r="A76" s="62"/>
      <c r="B76" s="64"/>
      <c r="C76" s="65"/>
      <c r="D76" s="64"/>
      <c r="E76" s="68"/>
      <c r="F76" s="65"/>
      <c r="G76" s="62"/>
      <c r="H76" s="45"/>
    </row>
    <row r="77" spans="1:8" s="44" customFormat="1" ht="13.5" customHeight="1">
      <c r="A77" s="63"/>
      <c r="B77" s="66"/>
      <c r="C77" s="67"/>
      <c r="D77" s="66"/>
      <c r="E77" s="69"/>
      <c r="F77" s="67"/>
      <c r="G77" s="63"/>
      <c r="H77" s="46"/>
    </row>
    <row r="78" spans="1:8" s="44" customFormat="1" ht="13.5" customHeight="1">
      <c r="A78" s="62"/>
      <c r="B78" s="64"/>
      <c r="C78" s="65"/>
      <c r="D78" s="64"/>
      <c r="E78" s="68"/>
      <c r="F78" s="65"/>
      <c r="G78" s="62"/>
      <c r="H78" s="45"/>
    </row>
    <row r="79" spans="1:8" s="44" customFormat="1" ht="13.5" customHeight="1">
      <c r="A79" s="63"/>
      <c r="B79" s="66"/>
      <c r="C79" s="67"/>
      <c r="D79" s="66"/>
      <c r="E79" s="69"/>
      <c r="F79" s="67"/>
      <c r="G79" s="63"/>
      <c r="H79" s="46"/>
    </row>
    <row r="80" spans="1:8" s="44" customFormat="1" ht="13.5" customHeight="1">
      <c r="A80" s="62"/>
      <c r="B80" s="64"/>
      <c r="C80" s="65"/>
      <c r="D80" s="64"/>
      <c r="E80" s="68"/>
      <c r="F80" s="65"/>
      <c r="G80" s="62"/>
      <c r="H80" s="45"/>
    </row>
    <row r="81" spans="1:8" s="44" customFormat="1" ht="13.5" customHeight="1">
      <c r="A81" s="63"/>
      <c r="B81" s="66"/>
      <c r="C81" s="67"/>
      <c r="D81" s="66"/>
      <c r="E81" s="69"/>
      <c r="F81" s="67"/>
      <c r="G81" s="63"/>
      <c r="H81" s="46"/>
    </row>
    <row r="82" spans="1:8" s="44" customFormat="1" ht="13.5" customHeight="1">
      <c r="A82" s="62"/>
      <c r="B82" s="64"/>
      <c r="C82" s="65"/>
      <c r="D82" s="64"/>
      <c r="E82" s="68"/>
      <c r="F82" s="65"/>
      <c r="G82" s="62"/>
      <c r="H82" s="45"/>
    </row>
    <row r="83" spans="1:8" s="44" customFormat="1" ht="13.5" customHeight="1">
      <c r="A83" s="63"/>
      <c r="B83" s="66"/>
      <c r="C83" s="67"/>
      <c r="D83" s="66"/>
      <c r="E83" s="69"/>
      <c r="F83" s="67"/>
      <c r="G83" s="63"/>
      <c r="H83" s="46"/>
    </row>
    <row r="84" spans="1:8" s="44" customFormat="1" ht="13.5" customHeight="1">
      <c r="A84" s="62"/>
      <c r="B84" s="64"/>
      <c r="C84" s="65"/>
      <c r="D84" s="64"/>
      <c r="E84" s="68"/>
      <c r="F84" s="65"/>
      <c r="G84" s="62"/>
      <c r="H84" s="45"/>
    </row>
    <row r="85" spans="1:8" s="44" customFormat="1" ht="13.5" customHeight="1">
      <c r="A85" s="63"/>
      <c r="B85" s="66"/>
      <c r="C85" s="67"/>
      <c r="D85" s="66"/>
      <c r="E85" s="69"/>
      <c r="F85" s="67"/>
      <c r="G85" s="63"/>
      <c r="H85" s="46"/>
    </row>
    <row r="86" spans="1:8" s="44" customFormat="1" ht="13.5" customHeight="1">
      <c r="A86" s="62"/>
      <c r="B86" s="64"/>
      <c r="C86" s="65"/>
      <c r="D86" s="64"/>
      <c r="E86" s="68"/>
      <c r="F86" s="65"/>
      <c r="G86" s="62"/>
      <c r="H86" s="45"/>
    </row>
    <row r="87" spans="1:8" s="44" customFormat="1" ht="13.5" customHeight="1">
      <c r="A87" s="63"/>
      <c r="B87" s="66"/>
      <c r="C87" s="67"/>
      <c r="D87" s="66"/>
      <c r="E87" s="69"/>
      <c r="F87" s="67"/>
      <c r="G87" s="63"/>
      <c r="H87" s="46"/>
    </row>
    <row r="88" spans="1:8" s="44" customFormat="1" ht="13.5" customHeight="1">
      <c r="A88" s="62"/>
      <c r="B88" s="64"/>
      <c r="C88" s="65"/>
      <c r="D88" s="64"/>
      <c r="E88" s="68"/>
      <c r="F88" s="65"/>
      <c r="G88" s="62"/>
      <c r="H88" s="45"/>
    </row>
    <row r="89" spans="1:8" s="44" customFormat="1" ht="13.5" customHeight="1">
      <c r="A89" s="63"/>
      <c r="B89" s="66"/>
      <c r="C89" s="67"/>
      <c r="D89" s="66"/>
      <c r="E89" s="69"/>
      <c r="F89" s="67"/>
      <c r="G89" s="63"/>
      <c r="H89" s="46"/>
    </row>
    <row r="90" spans="1:8" s="44" customFormat="1" ht="13.5" customHeight="1">
      <c r="A90" s="62"/>
      <c r="B90" s="64"/>
      <c r="C90" s="65"/>
      <c r="D90" s="64"/>
      <c r="E90" s="68"/>
      <c r="F90" s="65"/>
      <c r="G90" s="62"/>
      <c r="H90" s="45"/>
    </row>
    <row r="91" spans="1:8" s="44" customFormat="1" ht="13.5" customHeight="1">
      <c r="A91" s="63"/>
      <c r="B91" s="66"/>
      <c r="C91" s="67"/>
      <c r="D91" s="66"/>
      <c r="E91" s="69"/>
      <c r="F91" s="67"/>
      <c r="G91" s="63"/>
      <c r="H91" s="46"/>
    </row>
    <row r="92" spans="1:8" s="44" customFormat="1" ht="13.5" customHeight="1">
      <c r="A92" s="62"/>
      <c r="B92" s="64"/>
      <c r="C92" s="65"/>
      <c r="D92" s="64"/>
      <c r="E92" s="68"/>
      <c r="F92" s="65"/>
      <c r="G92" s="62"/>
      <c r="H92" s="45"/>
    </row>
    <row r="93" spans="1:8" s="44" customFormat="1" ht="13.5" customHeight="1">
      <c r="A93" s="63"/>
      <c r="B93" s="66"/>
      <c r="C93" s="67"/>
      <c r="D93" s="66"/>
      <c r="E93" s="69"/>
      <c r="F93" s="67"/>
      <c r="G93" s="63"/>
      <c r="H93" s="46"/>
    </row>
    <row r="94" spans="1:8" s="44" customFormat="1" ht="13.5" customHeight="1">
      <c r="A94" s="62"/>
      <c r="B94" s="64"/>
      <c r="C94" s="65"/>
      <c r="D94" s="64"/>
      <c r="E94" s="68"/>
      <c r="F94" s="65"/>
      <c r="G94" s="62"/>
      <c r="H94" s="45"/>
    </row>
    <row r="95" spans="1:8" s="44" customFormat="1" ht="13.5" customHeight="1">
      <c r="A95" s="63"/>
      <c r="B95" s="66"/>
      <c r="C95" s="67"/>
      <c r="D95" s="66"/>
      <c r="E95" s="69"/>
      <c r="F95" s="67"/>
      <c r="G95" s="63"/>
      <c r="H95" s="46"/>
    </row>
    <row r="96" spans="1:8" s="44" customFormat="1" ht="13.5" customHeight="1">
      <c r="A96" s="62"/>
      <c r="B96" s="64"/>
      <c r="C96" s="65"/>
      <c r="D96" s="64"/>
      <c r="E96" s="68"/>
      <c r="F96" s="65"/>
      <c r="G96" s="62"/>
      <c r="H96" s="45"/>
    </row>
    <row r="97" spans="1:8" s="44" customFormat="1" ht="13.5" customHeight="1">
      <c r="A97" s="63"/>
      <c r="B97" s="66"/>
      <c r="C97" s="67"/>
      <c r="D97" s="66"/>
      <c r="E97" s="69"/>
      <c r="F97" s="67"/>
      <c r="G97" s="63"/>
      <c r="H97" s="46"/>
    </row>
    <row r="98" spans="1:8" s="44" customFormat="1" ht="13.5" customHeight="1">
      <c r="A98" s="62"/>
      <c r="B98" s="64"/>
      <c r="C98" s="65"/>
      <c r="D98" s="64"/>
      <c r="E98" s="68"/>
      <c r="F98" s="65"/>
      <c r="G98" s="62"/>
      <c r="H98" s="45"/>
    </row>
    <row r="99" spans="1:8" s="44" customFormat="1" ht="13.5" customHeight="1">
      <c r="A99" s="63"/>
      <c r="B99" s="66"/>
      <c r="C99" s="67"/>
      <c r="D99" s="66"/>
      <c r="E99" s="69"/>
      <c r="F99" s="67"/>
      <c r="G99" s="63"/>
      <c r="H99" s="46"/>
    </row>
    <row r="100" spans="1:8" s="44" customFormat="1" ht="13.5" customHeight="1">
      <c r="A100" s="62"/>
      <c r="B100" s="64"/>
      <c r="C100" s="65"/>
      <c r="D100" s="64"/>
      <c r="E100" s="68"/>
      <c r="F100" s="65"/>
      <c r="G100" s="62"/>
      <c r="H100" s="45"/>
    </row>
    <row r="101" spans="1:8" s="44" customFormat="1" ht="13.5" customHeight="1">
      <c r="A101" s="63"/>
      <c r="B101" s="66"/>
      <c r="C101" s="67"/>
      <c r="D101" s="66"/>
      <c r="E101" s="69"/>
      <c r="F101" s="67"/>
      <c r="G101" s="63"/>
      <c r="H101" s="46"/>
    </row>
    <row r="102" spans="1:8" s="44" customFormat="1" ht="13.5" customHeight="1">
      <c r="A102" s="62"/>
      <c r="B102" s="64"/>
      <c r="C102" s="65"/>
      <c r="D102" s="64"/>
      <c r="E102" s="68"/>
      <c r="F102" s="65"/>
      <c r="G102" s="62"/>
      <c r="H102" s="45"/>
    </row>
    <row r="103" spans="1:8" s="44" customFormat="1" ht="13.5" customHeight="1">
      <c r="A103" s="63"/>
      <c r="B103" s="66"/>
      <c r="C103" s="67"/>
      <c r="D103" s="66"/>
      <c r="E103" s="69"/>
      <c r="F103" s="67"/>
      <c r="G103" s="63"/>
      <c r="H103" s="46"/>
    </row>
    <row r="104" spans="1:8" s="44" customFormat="1" ht="35.25" customHeight="1">
      <c r="A104" s="23" t="s">
        <v>58</v>
      </c>
      <c r="B104" s="70" t="s">
        <v>59</v>
      </c>
      <c r="C104" s="70"/>
      <c r="D104" s="70" t="s">
        <v>60</v>
      </c>
      <c r="E104" s="70"/>
      <c r="F104" s="70"/>
      <c r="G104" s="47" t="s">
        <v>61</v>
      </c>
      <c r="H104" s="25" t="s">
        <v>62</v>
      </c>
    </row>
    <row r="105" spans="1:8" s="44" customFormat="1" ht="13.5" customHeight="1">
      <c r="A105" s="62"/>
      <c r="B105" s="64"/>
      <c r="C105" s="65"/>
      <c r="D105" s="64"/>
      <c r="E105" s="68"/>
      <c r="F105" s="65"/>
      <c r="G105" s="62"/>
      <c r="H105" s="45"/>
    </row>
    <row r="106" spans="1:8" s="44" customFormat="1" ht="13.5" customHeight="1">
      <c r="A106" s="63"/>
      <c r="B106" s="66"/>
      <c r="C106" s="67"/>
      <c r="D106" s="66"/>
      <c r="E106" s="69"/>
      <c r="F106" s="67"/>
      <c r="G106" s="63"/>
      <c r="H106" s="46"/>
    </row>
    <row r="107" spans="1:8" s="44" customFormat="1" ht="13.5" customHeight="1">
      <c r="A107" s="62"/>
      <c r="B107" s="64"/>
      <c r="C107" s="65"/>
      <c r="D107" s="64"/>
      <c r="E107" s="68"/>
      <c r="F107" s="65"/>
      <c r="G107" s="62"/>
      <c r="H107" s="45"/>
    </row>
    <row r="108" spans="1:8" s="44" customFormat="1" ht="13.5" customHeight="1">
      <c r="A108" s="63"/>
      <c r="B108" s="66"/>
      <c r="C108" s="67"/>
      <c r="D108" s="66"/>
      <c r="E108" s="69"/>
      <c r="F108" s="67"/>
      <c r="G108" s="63"/>
      <c r="H108" s="46"/>
    </row>
    <row r="109" spans="1:8" s="44" customFormat="1" ht="13.5" customHeight="1">
      <c r="A109" s="62"/>
      <c r="B109" s="64"/>
      <c r="C109" s="65"/>
      <c r="D109" s="64"/>
      <c r="E109" s="68"/>
      <c r="F109" s="65"/>
      <c r="G109" s="62"/>
      <c r="H109" s="45"/>
    </row>
    <row r="110" spans="1:8" s="44" customFormat="1" ht="13.5" customHeight="1">
      <c r="A110" s="63"/>
      <c r="B110" s="66"/>
      <c r="C110" s="67"/>
      <c r="D110" s="66"/>
      <c r="E110" s="69"/>
      <c r="F110" s="67"/>
      <c r="G110" s="63"/>
      <c r="H110" s="46"/>
    </row>
    <row r="111" spans="1:8" s="44" customFormat="1" ht="13.5" customHeight="1">
      <c r="A111" s="62"/>
      <c r="B111" s="64"/>
      <c r="C111" s="65"/>
      <c r="D111" s="64"/>
      <c r="E111" s="68"/>
      <c r="F111" s="65"/>
      <c r="G111" s="62"/>
      <c r="H111" s="45"/>
    </row>
    <row r="112" spans="1:8" s="44" customFormat="1" ht="13.5" customHeight="1">
      <c r="A112" s="63"/>
      <c r="B112" s="66"/>
      <c r="C112" s="67"/>
      <c r="D112" s="66"/>
      <c r="E112" s="69"/>
      <c r="F112" s="67"/>
      <c r="G112" s="63"/>
      <c r="H112" s="46"/>
    </row>
    <row r="113" spans="1:8" s="44" customFormat="1" ht="13.5" customHeight="1">
      <c r="A113" s="62"/>
      <c r="B113" s="64"/>
      <c r="C113" s="65"/>
      <c r="D113" s="64"/>
      <c r="E113" s="68"/>
      <c r="F113" s="65"/>
      <c r="G113" s="62"/>
      <c r="H113" s="45"/>
    </row>
    <row r="114" spans="1:8" s="44" customFormat="1" ht="13.5" customHeight="1">
      <c r="A114" s="63"/>
      <c r="B114" s="66"/>
      <c r="C114" s="67"/>
      <c r="D114" s="66"/>
      <c r="E114" s="69"/>
      <c r="F114" s="67"/>
      <c r="G114" s="63"/>
      <c r="H114" s="46"/>
    </row>
    <row r="115" spans="1:8" s="44" customFormat="1" ht="13.5" customHeight="1">
      <c r="A115" s="62"/>
      <c r="B115" s="64"/>
      <c r="C115" s="65"/>
      <c r="D115" s="64"/>
      <c r="E115" s="68"/>
      <c r="F115" s="65"/>
      <c r="G115" s="62"/>
      <c r="H115" s="45"/>
    </row>
    <row r="116" spans="1:8" s="44" customFormat="1" ht="13.5" customHeight="1">
      <c r="A116" s="63"/>
      <c r="B116" s="66"/>
      <c r="C116" s="67"/>
      <c r="D116" s="66"/>
      <c r="E116" s="69"/>
      <c r="F116" s="67"/>
      <c r="G116" s="63"/>
      <c r="H116" s="46"/>
    </row>
    <row r="117" spans="1:8" s="44" customFormat="1" ht="13.5" customHeight="1">
      <c r="A117" s="62"/>
      <c r="B117" s="64"/>
      <c r="C117" s="65"/>
      <c r="D117" s="64"/>
      <c r="E117" s="68"/>
      <c r="F117" s="65"/>
      <c r="G117" s="62"/>
      <c r="H117" s="45"/>
    </row>
    <row r="118" spans="1:8" s="44" customFormat="1" ht="13.5" customHeight="1">
      <c r="A118" s="63"/>
      <c r="B118" s="66"/>
      <c r="C118" s="67"/>
      <c r="D118" s="66"/>
      <c r="E118" s="69"/>
      <c r="F118" s="67"/>
      <c r="G118" s="63"/>
      <c r="H118" s="46"/>
    </row>
    <row r="119" spans="1:8" s="44" customFormat="1" ht="13.5" customHeight="1">
      <c r="A119" s="62"/>
      <c r="B119" s="64"/>
      <c r="C119" s="65"/>
      <c r="D119" s="64"/>
      <c r="E119" s="68"/>
      <c r="F119" s="65"/>
      <c r="G119" s="62"/>
      <c r="H119" s="45"/>
    </row>
    <row r="120" spans="1:8" s="44" customFormat="1" ht="13.5" customHeight="1">
      <c r="A120" s="63"/>
      <c r="B120" s="66"/>
      <c r="C120" s="67"/>
      <c r="D120" s="66"/>
      <c r="E120" s="69"/>
      <c r="F120" s="67"/>
      <c r="G120" s="63"/>
      <c r="H120" s="46"/>
    </row>
    <row r="121" spans="1:8" s="44" customFormat="1" ht="13.5" customHeight="1">
      <c r="A121" s="62"/>
      <c r="B121" s="64"/>
      <c r="C121" s="65"/>
      <c r="D121" s="64"/>
      <c r="E121" s="68"/>
      <c r="F121" s="65"/>
      <c r="G121" s="62"/>
      <c r="H121" s="45"/>
    </row>
    <row r="122" spans="1:8" s="44" customFormat="1" ht="13.5" customHeight="1">
      <c r="A122" s="63"/>
      <c r="B122" s="66"/>
      <c r="C122" s="67"/>
      <c r="D122" s="66"/>
      <c r="E122" s="69"/>
      <c r="F122" s="67"/>
      <c r="G122" s="63"/>
      <c r="H122" s="46"/>
    </row>
    <row r="123" spans="1:8" s="44" customFormat="1" ht="13.5" customHeight="1">
      <c r="A123" s="62"/>
      <c r="B123" s="64"/>
      <c r="C123" s="65"/>
      <c r="D123" s="64"/>
      <c r="E123" s="68"/>
      <c r="F123" s="65"/>
      <c r="G123" s="62"/>
      <c r="H123" s="45"/>
    </row>
    <row r="124" spans="1:8" s="44" customFormat="1" ht="13.5" customHeight="1">
      <c r="A124" s="63"/>
      <c r="B124" s="66"/>
      <c r="C124" s="67"/>
      <c r="D124" s="66"/>
      <c r="E124" s="69"/>
      <c r="F124" s="67"/>
      <c r="G124" s="63"/>
      <c r="H124" s="46"/>
    </row>
    <row r="125" spans="1:8" s="44" customFormat="1" ht="13.5" customHeight="1">
      <c r="A125" s="62"/>
      <c r="B125" s="64"/>
      <c r="C125" s="65"/>
      <c r="D125" s="64"/>
      <c r="E125" s="68"/>
      <c r="F125" s="65"/>
      <c r="G125" s="62"/>
      <c r="H125" s="45"/>
    </row>
    <row r="126" spans="1:8" s="44" customFormat="1" ht="13.5" customHeight="1">
      <c r="A126" s="63"/>
      <c r="B126" s="66"/>
      <c r="C126" s="67"/>
      <c r="D126" s="66"/>
      <c r="E126" s="69"/>
      <c r="F126" s="67"/>
      <c r="G126" s="63"/>
      <c r="H126" s="46"/>
    </row>
    <row r="127" spans="1:8" s="44" customFormat="1" ht="13.5" customHeight="1">
      <c r="A127" s="62"/>
      <c r="B127" s="64"/>
      <c r="C127" s="65"/>
      <c r="D127" s="64"/>
      <c r="E127" s="68"/>
      <c r="F127" s="65"/>
      <c r="G127" s="62"/>
      <c r="H127" s="45"/>
    </row>
    <row r="128" spans="1:8" s="44" customFormat="1" ht="13.5" customHeight="1">
      <c r="A128" s="63"/>
      <c r="B128" s="66"/>
      <c r="C128" s="67"/>
      <c r="D128" s="66"/>
      <c r="E128" s="69"/>
      <c r="F128" s="67"/>
      <c r="G128" s="63"/>
      <c r="H128" s="46"/>
    </row>
    <row r="129" spans="1:8" s="44" customFormat="1" ht="13.5" customHeight="1">
      <c r="A129" s="62"/>
      <c r="B129" s="64"/>
      <c r="C129" s="65"/>
      <c r="D129" s="64"/>
      <c r="E129" s="68"/>
      <c r="F129" s="65"/>
      <c r="G129" s="62"/>
      <c r="H129" s="45"/>
    </row>
    <row r="130" spans="1:8" s="44" customFormat="1" ht="13.5" customHeight="1">
      <c r="A130" s="63"/>
      <c r="B130" s="66"/>
      <c r="C130" s="67"/>
      <c r="D130" s="66"/>
      <c r="E130" s="69"/>
      <c r="F130" s="67"/>
      <c r="G130" s="63"/>
      <c r="H130" s="46"/>
    </row>
    <row r="131" spans="1:8" s="44" customFormat="1" ht="13.5" customHeight="1">
      <c r="A131" s="62"/>
      <c r="B131" s="64"/>
      <c r="C131" s="65"/>
      <c r="D131" s="64"/>
      <c r="E131" s="68"/>
      <c r="F131" s="65"/>
      <c r="G131" s="62"/>
      <c r="H131" s="45"/>
    </row>
    <row r="132" spans="1:8" s="44" customFormat="1" ht="13.5" customHeight="1">
      <c r="A132" s="63"/>
      <c r="B132" s="66"/>
      <c r="C132" s="67"/>
      <c r="D132" s="66"/>
      <c r="E132" s="69"/>
      <c r="F132" s="67"/>
      <c r="G132" s="63"/>
      <c r="H132" s="46"/>
    </row>
    <row r="133" spans="1:8" s="44" customFormat="1" ht="13.5" customHeight="1">
      <c r="A133" s="62"/>
      <c r="B133" s="64"/>
      <c r="C133" s="65"/>
      <c r="D133" s="64"/>
      <c r="E133" s="68"/>
      <c r="F133" s="65"/>
      <c r="G133" s="62"/>
      <c r="H133" s="45"/>
    </row>
    <row r="134" spans="1:8" s="44" customFormat="1" ht="13.5" customHeight="1">
      <c r="A134" s="63"/>
      <c r="B134" s="66"/>
      <c r="C134" s="67"/>
      <c r="D134" s="66"/>
      <c r="E134" s="69"/>
      <c r="F134" s="67"/>
      <c r="G134" s="63"/>
      <c r="H134" s="46"/>
    </row>
    <row r="135" spans="1:8" s="44" customFormat="1" ht="13.5" customHeight="1">
      <c r="A135" s="62"/>
      <c r="B135" s="64"/>
      <c r="C135" s="65"/>
      <c r="D135" s="64"/>
      <c r="E135" s="68"/>
      <c r="F135" s="65"/>
      <c r="G135" s="62"/>
      <c r="H135" s="45"/>
    </row>
    <row r="136" spans="1:8" s="44" customFormat="1" ht="13.5" customHeight="1">
      <c r="A136" s="63"/>
      <c r="B136" s="66"/>
      <c r="C136" s="67"/>
      <c r="D136" s="66"/>
      <c r="E136" s="69"/>
      <c r="F136" s="67"/>
      <c r="G136" s="63"/>
      <c r="H136" s="46"/>
    </row>
    <row r="137" spans="1:8" s="44" customFormat="1" ht="13.5" customHeight="1">
      <c r="A137" s="62"/>
      <c r="B137" s="64"/>
      <c r="C137" s="65"/>
      <c r="D137" s="64"/>
      <c r="E137" s="68"/>
      <c r="F137" s="65"/>
      <c r="G137" s="62"/>
      <c r="H137" s="45"/>
    </row>
    <row r="138" spans="1:8" s="44" customFormat="1" ht="13.5" customHeight="1">
      <c r="A138" s="63"/>
      <c r="B138" s="66"/>
      <c r="C138" s="67"/>
      <c r="D138" s="66"/>
      <c r="E138" s="69"/>
      <c r="F138" s="67"/>
      <c r="G138" s="63"/>
      <c r="H138" s="46"/>
    </row>
    <row r="139" spans="1:8" s="44" customFormat="1" ht="13.5" customHeight="1">
      <c r="A139" s="62"/>
      <c r="B139" s="64"/>
      <c r="C139" s="65"/>
      <c r="D139" s="64"/>
      <c r="E139" s="68"/>
      <c r="F139" s="65"/>
      <c r="G139" s="62"/>
      <c r="H139" s="45"/>
    </row>
    <row r="140" spans="1:8" s="44" customFormat="1" ht="13.5" customHeight="1">
      <c r="A140" s="63"/>
      <c r="B140" s="66"/>
      <c r="C140" s="67"/>
      <c r="D140" s="66"/>
      <c r="E140" s="69"/>
      <c r="F140" s="67"/>
      <c r="G140" s="63"/>
      <c r="H140" s="46"/>
    </row>
    <row r="141" spans="1:8" s="44" customFormat="1" ht="13.5" customHeight="1">
      <c r="A141" s="62"/>
      <c r="B141" s="64"/>
      <c r="C141" s="65"/>
      <c r="D141" s="64"/>
      <c r="E141" s="68"/>
      <c r="F141" s="65"/>
      <c r="G141" s="62"/>
      <c r="H141" s="45"/>
    </row>
    <row r="142" spans="1:8" s="44" customFormat="1" ht="13.5" customHeight="1">
      <c r="A142" s="63"/>
      <c r="B142" s="66"/>
      <c r="C142" s="67"/>
      <c r="D142" s="66"/>
      <c r="E142" s="69"/>
      <c r="F142" s="67"/>
      <c r="G142" s="63"/>
      <c r="H142" s="46"/>
    </row>
    <row r="143" spans="1:8" s="44" customFormat="1" ht="13.5" customHeight="1">
      <c r="A143" s="62"/>
      <c r="B143" s="64"/>
      <c r="C143" s="65"/>
      <c r="D143" s="64"/>
      <c r="E143" s="68"/>
      <c r="F143" s="65"/>
      <c r="G143" s="62"/>
      <c r="H143" s="45"/>
    </row>
    <row r="144" spans="1:8" s="44" customFormat="1" ht="13.5" customHeight="1">
      <c r="A144" s="63"/>
      <c r="B144" s="66"/>
      <c r="C144" s="67"/>
      <c r="D144" s="66"/>
      <c r="E144" s="69"/>
      <c r="F144" s="67"/>
      <c r="G144" s="63"/>
      <c r="H144" s="46"/>
    </row>
    <row r="145" spans="1:8" s="44" customFormat="1" ht="13.5" customHeight="1">
      <c r="A145" s="62"/>
      <c r="B145" s="64"/>
      <c r="C145" s="65"/>
      <c r="D145" s="64"/>
      <c r="E145" s="68"/>
      <c r="F145" s="65"/>
      <c r="G145" s="62"/>
      <c r="H145" s="45"/>
    </row>
    <row r="146" spans="1:8" s="44" customFormat="1" ht="13.5" customHeight="1">
      <c r="A146" s="63"/>
      <c r="B146" s="66"/>
      <c r="C146" s="67"/>
      <c r="D146" s="66"/>
      <c r="E146" s="69"/>
      <c r="F146" s="67"/>
      <c r="G146" s="63"/>
      <c r="H146" s="46"/>
    </row>
    <row r="147" spans="1:8" s="44" customFormat="1" ht="13.5" customHeight="1">
      <c r="A147" s="62"/>
      <c r="B147" s="64"/>
      <c r="C147" s="65"/>
      <c r="D147" s="64"/>
      <c r="E147" s="68"/>
      <c r="F147" s="65"/>
      <c r="G147" s="62"/>
      <c r="H147" s="45"/>
    </row>
    <row r="148" spans="1:8" s="44" customFormat="1" ht="13.5" customHeight="1">
      <c r="A148" s="63"/>
      <c r="B148" s="66"/>
      <c r="C148" s="67"/>
      <c r="D148" s="66"/>
      <c r="E148" s="69"/>
      <c r="F148" s="67"/>
      <c r="G148" s="63"/>
      <c r="H148" s="46"/>
    </row>
    <row r="149" spans="1:8" s="44" customFormat="1" ht="13.5" customHeight="1">
      <c r="A149" s="62"/>
      <c r="B149" s="64"/>
      <c r="C149" s="65"/>
      <c r="D149" s="64"/>
      <c r="E149" s="68"/>
      <c r="F149" s="65"/>
      <c r="G149" s="62"/>
      <c r="H149" s="45"/>
    </row>
    <row r="150" spans="1:8" s="44" customFormat="1" ht="13.5" customHeight="1">
      <c r="A150" s="63"/>
      <c r="B150" s="66"/>
      <c r="C150" s="67"/>
      <c r="D150" s="66"/>
      <c r="E150" s="69"/>
      <c r="F150" s="67"/>
      <c r="G150" s="63"/>
      <c r="H150" s="46"/>
    </row>
    <row r="151" spans="1:8" s="44" customFormat="1" ht="13.5" customHeight="1">
      <c r="A151" s="62"/>
      <c r="B151" s="64"/>
      <c r="C151" s="65"/>
      <c r="D151" s="64"/>
      <c r="E151" s="68"/>
      <c r="F151" s="65"/>
      <c r="G151" s="62"/>
      <c r="H151" s="45"/>
    </row>
    <row r="152" spans="1:8" s="44" customFormat="1" ht="13.5" customHeight="1">
      <c r="A152" s="63"/>
      <c r="B152" s="66"/>
      <c r="C152" s="67"/>
      <c r="D152" s="66"/>
      <c r="E152" s="69"/>
      <c r="F152" s="67"/>
      <c r="G152" s="63"/>
      <c r="H152" s="46"/>
    </row>
    <row r="153" spans="1:8" s="44" customFormat="1" ht="13.5" customHeight="1">
      <c r="A153" s="62"/>
      <c r="B153" s="64"/>
      <c r="C153" s="65"/>
      <c r="D153" s="64"/>
      <c r="E153" s="68"/>
      <c r="F153" s="65"/>
      <c r="G153" s="62"/>
      <c r="H153" s="45"/>
    </row>
    <row r="154" spans="1:8" s="44" customFormat="1" ht="13.5" customHeight="1">
      <c r="A154" s="63"/>
      <c r="B154" s="66"/>
      <c r="C154" s="67"/>
      <c r="D154" s="66"/>
      <c r="E154" s="69"/>
      <c r="F154" s="67"/>
      <c r="G154" s="63"/>
      <c r="H154" s="46"/>
    </row>
    <row r="155" spans="1:8" s="44" customFormat="1" ht="13.5" customHeight="1">
      <c r="A155" s="62"/>
      <c r="B155" s="64"/>
      <c r="C155" s="65"/>
      <c r="D155" s="64"/>
      <c r="E155" s="68"/>
      <c r="F155" s="65"/>
      <c r="G155" s="62"/>
      <c r="H155" s="45"/>
    </row>
    <row r="156" spans="1:8" s="44" customFormat="1" ht="13.5" customHeight="1">
      <c r="A156" s="63"/>
      <c r="B156" s="66"/>
      <c r="C156" s="67"/>
      <c r="D156" s="66"/>
      <c r="E156" s="69"/>
      <c r="F156" s="67"/>
      <c r="G156" s="63"/>
      <c r="H156" s="46"/>
    </row>
  </sheetData>
  <mergeCells count="299">
    <mergeCell ref="A2:H2"/>
    <mergeCell ref="A9:A10"/>
    <mergeCell ref="A4:H4"/>
    <mergeCell ref="B6:H6"/>
    <mergeCell ref="B7:H7"/>
    <mergeCell ref="G9:G10"/>
    <mergeCell ref="B9:C10"/>
    <mergeCell ref="A5:B5"/>
    <mergeCell ref="G13:G14"/>
    <mergeCell ref="D13:F14"/>
    <mergeCell ref="B13:C14"/>
    <mergeCell ref="A13:A14"/>
    <mergeCell ref="A15:A16"/>
    <mergeCell ref="B15:C16"/>
    <mergeCell ref="D15:F16"/>
    <mergeCell ref="G15:G16"/>
    <mergeCell ref="D9:F10"/>
    <mergeCell ref="D12:F12"/>
    <mergeCell ref="B12:C12"/>
    <mergeCell ref="A21:A22"/>
    <mergeCell ref="B21:C22"/>
    <mergeCell ref="D21:F22"/>
    <mergeCell ref="G21:G22"/>
    <mergeCell ref="A23:A24"/>
    <mergeCell ref="B23:C24"/>
    <mergeCell ref="D23:F24"/>
    <mergeCell ref="G23:G24"/>
    <mergeCell ref="A17:A18"/>
    <mergeCell ref="B17:C18"/>
    <mergeCell ref="D17:F18"/>
    <mergeCell ref="G17:G18"/>
    <mergeCell ref="A19:A20"/>
    <mergeCell ref="B19:C20"/>
    <mergeCell ref="D19:F20"/>
    <mergeCell ref="G19:G20"/>
    <mergeCell ref="A29:A30"/>
    <mergeCell ref="B29:C30"/>
    <mergeCell ref="D29:F30"/>
    <mergeCell ref="G29:G30"/>
    <mergeCell ref="A31:A32"/>
    <mergeCell ref="B31:C32"/>
    <mergeCell ref="D31:F32"/>
    <mergeCell ref="G31:G32"/>
    <mergeCell ref="A25:A26"/>
    <mergeCell ref="B25:C26"/>
    <mergeCell ref="D25:F26"/>
    <mergeCell ref="G25:G26"/>
    <mergeCell ref="A27:A28"/>
    <mergeCell ref="B27:C28"/>
    <mergeCell ref="D27:F28"/>
    <mergeCell ref="G27:G28"/>
    <mergeCell ref="A37:A38"/>
    <mergeCell ref="B37:C38"/>
    <mergeCell ref="D37:F38"/>
    <mergeCell ref="G37:G38"/>
    <mergeCell ref="A39:A40"/>
    <mergeCell ref="B39:C40"/>
    <mergeCell ref="D39:F40"/>
    <mergeCell ref="G39:G40"/>
    <mergeCell ref="A33:A34"/>
    <mergeCell ref="B33:C34"/>
    <mergeCell ref="D33:F34"/>
    <mergeCell ref="G33:G34"/>
    <mergeCell ref="A35:A36"/>
    <mergeCell ref="B35:C36"/>
    <mergeCell ref="D35:F36"/>
    <mergeCell ref="G35:G36"/>
    <mergeCell ref="A45:A46"/>
    <mergeCell ref="B45:C46"/>
    <mergeCell ref="D45:F46"/>
    <mergeCell ref="G45:G46"/>
    <mergeCell ref="A47:A48"/>
    <mergeCell ref="B47:C48"/>
    <mergeCell ref="D47:F48"/>
    <mergeCell ref="G47:G48"/>
    <mergeCell ref="A41:A42"/>
    <mergeCell ref="B41:C42"/>
    <mergeCell ref="D41:F42"/>
    <mergeCell ref="G41:G42"/>
    <mergeCell ref="A43:A44"/>
    <mergeCell ref="B43:C44"/>
    <mergeCell ref="D43:F44"/>
    <mergeCell ref="G43:G44"/>
    <mergeCell ref="A52:A53"/>
    <mergeCell ref="B52:C53"/>
    <mergeCell ref="D52:F53"/>
    <mergeCell ref="G52:G53"/>
    <mergeCell ref="A54:A55"/>
    <mergeCell ref="B54:C55"/>
    <mergeCell ref="D54:F55"/>
    <mergeCell ref="G54:G55"/>
    <mergeCell ref="A49:A50"/>
    <mergeCell ref="B49:C50"/>
    <mergeCell ref="D49:F50"/>
    <mergeCell ref="G49:G50"/>
    <mergeCell ref="B51:C51"/>
    <mergeCell ref="D51:F51"/>
    <mergeCell ref="A60:A61"/>
    <mergeCell ref="B60:C61"/>
    <mergeCell ref="D60:F61"/>
    <mergeCell ref="G60:G61"/>
    <mergeCell ref="A62:A63"/>
    <mergeCell ref="B62:C63"/>
    <mergeCell ref="D62:F63"/>
    <mergeCell ref="G62:G63"/>
    <mergeCell ref="A56:A57"/>
    <mergeCell ref="B56:C57"/>
    <mergeCell ref="D56:F57"/>
    <mergeCell ref="G56:G57"/>
    <mergeCell ref="A58:A59"/>
    <mergeCell ref="B58:C59"/>
    <mergeCell ref="D58:F59"/>
    <mergeCell ref="G58:G59"/>
    <mergeCell ref="A68:A69"/>
    <mergeCell ref="B68:C69"/>
    <mergeCell ref="D68:F69"/>
    <mergeCell ref="G68:G69"/>
    <mergeCell ref="A70:A71"/>
    <mergeCell ref="B70:C71"/>
    <mergeCell ref="D70:F71"/>
    <mergeCell ref="G70:G71"/>
    <mergeCell ref="A64:A65"/>
    <mergeCell ref="B64:C65"/>
    <mergeCell ref="D64:F65"/>
    <mergeCell ref="G64:G65"/>
    <mergeCell ref="A66:A67"/>
    <mergeCell ref="B66:C67"/>
    <mergeCell ref="D66:F67"/>
    <mergeCell ref="G66:G67"/>
    <mergeCell ref="A76:A77"/>
    <mergeCell ref="B76:C77"/>
    <mergeCell ref="D76:F77"/>
    <mergeCell ref="G76:G77"/>
    <mergeCell ref="A78:A79"/>
    <mergeCell ref="B78:C79"/>
    <mergeCell ref="D78:F79"/>
    <mergeCell ref="G78:G79"/>
    <mergeCell ref="A72:A73"/>
    <mergeCell ref="B72:C73"/>
    <mergeCell ref="D72:F73"/>
    <mergeCell ref="G72:G73"/>
    <mergeCell ref="A74:A75"/>
    <mergeCell ref="B74:C75"/>
    <mergeCell ref="D74:F75"/>
    <mergeCell ref="G74:G75"/>
    <mergeCell ref="A102:A103"/>
    <mergeCell ref="B102:C103"/>
    <mergeCell ref="D102:F103"/>
    <mergeCell ref="G102:G103"/>
    <mergeCell ref="A80:A81"/>
    <mergeCell ref="B80:C81"/>
    <mergeCell ref="D80:F81"/>
    <mergeCell ref="G80:G81"/>
    <mergeCell ref="A100:A101"/>
    <mergeCell ref="B100:C101"/>
    <mergeCell ref="D100:F101"/>
    <mergeCell ref="G100:G101"/>
    <mergeCell ref="A86:A87"/>
    <mergeCell ref="B86:C87"/>
    <mergeCell ref="D86:F87"/>
    <mergeCell ref="G86:G87"/>
    <mergeCell ref="A88:A89"/>
    <mergeCell ref="B88:C89"/>
    <mergeCell ref="D88:F89"/>
    <mergeCell ref="G88:G89"/>
    <mergeCell ref="A82:A83"/>
    <mergeCell ref="B82:C83"/>
    <mergeCell ref="D82:F83"/>
    <mergeCell ref="G82:G83"/>
    <mergeCell ref="A84:A85"/>
    <mergeCell ref="B84:C85"/>
    <mergeCell ref="D84:F85"/>
    <mergeCell ref="G84:G85"/>
    <mergeCell ref="A92:A93"/>
    <mergeCell ref="B92:C93"/>
    <mergeCell ref="D92:F93"/>
    <mergeCell ref="G92:G93"/>
    <mergeCell ref="A96:A97"/>
    <mergeCell ref="B96:C97"/>
    <mergeCell ref="D96:F97"/>
    <mergeCell ref="G96:G97"/>
    <mergeCell ref="A98:A99"/>
    <mergeCell ref="B98:C99"/>
    <mergeCell ref="D98:F99"/>
    <mergeCell ref="G98:G99"/>
    <mergeCell ref="A90:A91"/>
    <mergeCell ref="B90:C91"/>
    <mergeCell ref="D90:F91"/>
    <mergeCell ref="G90:G91"/>
    <mergeCell ref="A94:A95"/>
    <mergeCell ref="B94:C95"/>
    <mergeCell ref="D94:F95"/>
    <mergeCell ref="G94:G95"/>
    <mergeCell ref="G105:G106"/>
    <mergeCell ref="A107:A108"/>
    <mergeCell ref="B107:C108"/>
    <mergeCell ref="D107:F108"/>
    <mergeCell ref="G107:G108"/>
    <mergeCell ref="B104:C104"/>
    <mergeCell ref="D104:F104"/>
    <mergeCell ref="A105:A106"/>
    <mergeCell ref="B105:C106"/>
    <mergeCell ref="D105:F106"/>
    <mergeCell ref="A113:A114"/>
    <mergeCell ref="B113:C114"/>
    <mergeCell ref="D113:F114"/>
    <mergeCell ref="G113:G114"/>
    <mergeCell ref="A115:A116"/>
    <mergeCell ref="B115:C116"/>
    <mergeCell ref="D115:F116"/>
    <mergeCell ref="G115:G116"/>
    <mergeCell ref="A109:A110"/>
    <mergeCell ref="B109:C110"/>
    <mergeCell ref="D109:F110"/>
    <mergeCell ref="G109:G110"/>
    <mergeCell ref="A111:A112"/>
    <mergeCell ref="B111:C112"/>
    <mergeCell ref="D111:F112"/>
    <mergeCell ref="G111:G112"/>
    <mergeCell ref="A121:A122"/>
    <mergeCell ref="B121:C122"/>
    <mergeCell ref="D121:F122"/>
    <mergeCell ref="G121:G122"/>
    <mergeCell ref="A123:A124"/>
    <mergeCell ref="B123:C124"/>
    <mergeCell ref="D123:F124"/>
    <mergeCell ref="G123:G124"/>
    <mergeCell ref="A117:A118"/>
    <mergeCell ref="B117:C118"/>
    <mergeCell ref="D117:F118"/>
    <mergeCell ref="G117:G118"/>
    <mergeCell ref="A119:A120"/>
    <mergeCell ref="B119:C120"/>
    <mergeCell ref="D119:F120"/>
    <mergeCell ref="G119:G120"/>
    <mergeCell ref="A129:A130"/>
    <mergeCell ref="B129:C130"/>
    <mergeCell ref="D129:F130"/>
    <mergeCell ref="G129:G130"/>
    <mergeCell ref="A131:A132"/>
    <mergeCell ref="B131:C132"/>
    <mergeCell ref="D131:F132"/>
    <mergeCell ref="G131:G132"/>
    <mergeCell ref="A125:A126"/>
    <mergeCell ref="B125:C126"/>
    <mergeCell ref="D125:F126"/>
    <mergeCell ref="G125:G126"/>
    <mergeCell ref="A127:A128"/>
    <mergeCell ref="B127:C128"/>
    <mergeCell ref="D127:F128"/>
    <mergeCell ref="G127:G128"/>
    <mergeCell ref="A137:A138"/>
    <mergeCell ref="B137:C138"/>
    <mergeCell ref="D137:F138"/>
    <mergeCell ref="G137:G138"/>
    <mergeCell ref="A139:A140"/>
    <mergeCell ref="B139:C140"/>
    <mergeCell ref="D139:F140"/>
    <mergeCell ref="G139:G140"/>
    <mergeCell ref="A133:A134"/>
    <mergeCell ref="B133:C134"/>
    <mergeCell ref="D133:F134"/>
    <mergeCell ref="G133:G134"/>
    <mergeCell ref="A135:A136"/>
    <mergeCell ref="B135:C136"/>
    <mergeCell ref="D135:F136"/>
    <mergeCell ref="G135:G136"/>
    <mergeCell ref="A145:A146"/>
    <mergeCell ref="B145:C146"/>
    <mergeCell ref="D145:F146"/>
    <mergeCell ref="G145:G146"/>
    <mergeCell ref="A147:A148"/>
    <mergeCell ref="B147:C148"/>
    <mergeCell ref="D147:F148"/>
    <mergeCell ref="G147:G148"/>
    <mergeCell ref="A141:A142"/>
    <mergeCell ref="B141:C142"/>
    <mergeCell ref="D141:F142"/>
    <mergeCell ref="G141:G142"/>
    <mergeCell ref="A143:A144"/>
    <mergeCell ref="B143:C144"/>
    <mergeCell ref="D143:F144"/>
    <mergeCell ref="G143:G144"/>
    <mergeCell ref="A153:A154"/>
    <mergeCell ref="B153:C154"/>
    <mergeCell ref="D153:F154"/>
    <mergeCell ref="G153:G154"/>
    <mergeCell ref="A155:A156"/>
    <mergeCell ref="B155:C156"/>
    <mergeCell ref="D155:F156"/>
    <mergeCell ref="G155:G156"/>
    <mergeCell ref="A149:A150"/>
    <mergeCell ref="B149:C150"/>
    <mergeCell ref="D149:F150"/>
    <mergeCell ref="G149:G150"/>
    <mergeCell ref="A151:A152"/>
    <mergeCell ref="B151:C152"/>
    <mergeCell ref="D151:F152"/>
    <mergeCell ref="G151:G152"/>
  </mergeCells>
  <phoneticPr fontId="1"/>
  <printOptions horizontalCentered="1"/>
  <pageMargins left="0.70866141732283472" right="0.70866141732283472" top="0.74803149606299213" bottom="0.74803149606299213" header="0.31496062992125984" footer="0.31496062992125984"/>
  <pageSetup paperSize="9" scale="98"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DB4A40-C8BC-451F-866C-8A7F586CA720}">
  <dimension ref="A2:H48"/>
  <sheetViews>
    <sheetView view="pageBreakPreview" zoomScale="85" zoomScaleNormal="100" zoomScaleSheetLayoutView="85" workbookViewId="0"/>
  </sheetViews>
  <sheetFormatPr defaultRowHeight="13.5"/>
  <cols>
    <col min="1" max="16384" width="9" style="4"/>
  </cols>
  <sheetData>
    <row r="2" spans="1:8">
      <c r="A2" s="54" t="s">
        <v>63</v>
      </c>
      <c r="B2" s="54"/>
      <c r="C2" s="54"/>
      <c r="D2" s="54"/>
      <c r="E2" s="54"/>
      <c r="F2" s="54"/>
      <c r="G2" s="54"/>
      <c r="H2" s="54"/>
    </row>
    <row r="3" spans="1:8">
      <c r="B3" s="2"/>
      <c r="C3" s="2"/>
      <c r="D3" s="54" t="s">
        <v>64</v>
      </c>
      <c r="E3" s="54"/>
      <c r="F3" s="59" t="s">
        <v>65</v>
      </c>
      <c r="G3" s="59"/>
      <c r="H3" s="59"/>
    </row>
    <row r="4" spans="1:8" ht="71.25" customHeight="1">
      <c r="A4" s="84" t="s">
        <v>66</v>
      </c>
      <c r="B4" s="84" t="s">
        <v>73</v>
      </c>
      <c r="C4" s="84" t="s">
        <v>67</v>
      </c>
      <c r="D4" s="81" t="s">
        <v>68</v>
      </c>
      <c r="E4" s="81" t="s">
        <v>69</v>
      </c>
      <c r="F4" s="81" t="s">
        <v>70</v>
      </c>
      <c r="G4" s="81" t="s">
        <v>71</v>
      </c>
      <c r="H4" s="81" t="s">
        <v>72</v>
      </c>
    </row>
    <row r="5" spans="1:8" ht="18.75" customHeight="1">
      <c r="A5" s="85"/>
      <c r="B5" s="85"/>
      <c r="C5" s="85"/>
      <c r="D5" s="82"/>
      <c r="E5" s="82"/>
      <c r="F5" s="82"/>
      <c r="G5" s="82"/>
      <c r="H5" s="82"/>
    </row>
    <row r="6" spans="1:8" ht="18.75" customHeight="1">
      <c r="A6" s="85"/>
      <c r="B6" s="85"/>
      <c r="C6" s="85"/>
      <c r="D6" s="82"/>
      <c r="E6" s="82"/>
      <c r="F6" s="82"/>
      <c r="G6" s="82"/>
      <c r="H6" s="82"/>
    </row>
    <row r="7" spans="1:8" ht="18.75" customHeight="1">
      <c r="A7" s="85"/>
      <c r="B7" s="85"/>
      <c r="C7" s="85"/>
      <c r="D7" s="82"/>
      <c r="E7" s="82"/>
      <c r="F7" s="82"/>
      <c r="G7" s="82"/>
      <c r="H7" s="82"/>
    </row>
    <row r="8" spans="1:8" ht="18.75" customHeight="1">
      <c r="A8" s="85"/>
      <c r="B8" s="85"/>
      <c r="C8" s="85"/>
      <c r="D8" s="82"/>
      <c r="E8" s="82"/>
      <c r="F8" s="82"/>
      <c r="G8" s="82"/>
      <c r="H8" s="82"/>
    </row>
    <row r="9" spans="1:8" ht="19.5" customHeight="1">
      <c r="A9" s="86"/>
      <c r="B9" s="86"/>
      <c r="C9" s="86"/>
      <c r="D9" s="83"/>
      <c r="E9" s="83"/>
      <c r="F9" s="83"/>
      <c r="G9" s="83"/>
      <c r="H9" s="83"/>
    </row>
    <row r="10" spans="1:8">
      <c r="A10" s="76"/>
      <c r="B10" s="29"/>
      <c r="C10" s="29"/>
      <c r="D10" s="29"/>
      <c r="E10" s="29"/>
      <c r="F10" s="29"/>
      <c r="G10" s="29"/>
      <c r="H10" s="27"/>
    </row>
    <row r="11" spans="1:8">
      <c r="A11" s="76"/>
      <c r="B11" s="30"/>
      <c r="C11" s="30"/>
      <c r="D11" s="30"/>
      <c r="E11" s="30"/>
      <c r="F11" s="30"/>
      <c r="G11" s="30"/>
      <c r="H11" s="27"/>
    </row>
    <row r="12" spans="1:8">
      <c r="A12" s="76"/>
      <c r="B12" s="30"/>
      <c r="C12" s="30"/>
      <c r="D12" s="30"/>
      <c r="E12" s="30"/>
      <c r="F12" s="30"/>
      <c r="G12" s="30"/>
      <c r="H12" s="27"/>
    </row>
    <row r="13" spans="1:8">
      <c r="A13" s="76"/>
      <c r="B13" s="30"/>
      <c r="C13" s="30"/>
      <c r="D13" s="30"/>
      <c r="E13" s="30"/>
      <c r="F13" s="30"/>
      <c r="G13" s="30"/>
      <c r="H13" s="27"/>
    </row>
    <row r="14" spans="1:8">
      <c r="A14" s="76"/>
      <c r="B14" s="30"/>
      <c r="C14" s="30"/>
      <c r="D14" s="30"/>
      <c r="E14" s="30"/>
      <c r="F14" s="30"/>
      <c r="G14" s="30"/>
      <c r="H14" s="27"/>
    </row>
    <row r="15" spans="1:8">
      <c r="A15" s="76"/>
      <c r="B15" s="30"/>
      <c r="C15" s="30"/>
      <c r="D15" s="30"/>
      <c r="E15" s="30"/>
      <c r="F15" s="30"/>
      <c r="G15" s="30"/>
      <c r="H15" s="27"/>
    </row>
    <row r="16" spans="1:8">
      <c r="A16" s="76"/>
      <c r="B16" s="30"/>
      <c r="C16" s="30"/>
      <c r="D16" s="30"/>
      <c r="E16" s="30"/>
      <c r="F16" s="30"/>
      <c r="G16" s="30"/>
      <c r="H16" s="27"/>
    </row>
    <row r="17" spans="1:8">
      <c r="A17" s="76"/>
      <c r="B17" s="30"/>
      <c r="C17" s="30"/>
      <c r="D17" s="30"/>
      <c r="E17" s="30"/>
      <c r="F17" s="30"/>
      <c r="G17" s="30"/>
      <c r="H17" s="27"/>
    </row>
    <row r="18" spans="1:8">
      <c r="A18" s="76"/>
      <c r="B18" s="30"/>
      <c r="C18" s="30"/>
      <c r="D18" s="30"/>
      <c r="E18" s="30"/>
      <c r="F18" s="30"/>
      <c r="G18" s="30"/>
      <c r="H18" s="27"/>
    </row>
    <row r="19" spans="1:8">
      <c r="A19" s="76"/>
      <c r="B19" s="30"/>
      <c r="C19" s="30"/>
      <c r="D19" s="30"/>
      <c r="E19" s="30"/>
      <c r="F19" s="30"/>
      <c r="G19" s="30"/>
      <c r="H19" s="27"/>
    </row>
    <row r="20" spans="1:8">
      <c r="A20" s="76"/>
      <c r="B20" s="30"/>
      <c r="C20" s="30"/>
      <c r="D20" s="30"/>
      <c r="E20" s="30"/>
      <c r="F20" s="30"/>
      <c r="G20" s="30"/>
      <c r="H20" s="27"/>
    </row>
    <row r="21" spans="1:8">
      <c r="A21" s="76"/>
      <c r="B21" s="30"/>
      <c r="C21" s="30"/>
      <c r="D21" s="30"/>
      <c r="E21" s="30"/>
      <c r="F21" s="30"/>
      <c r="G21" s="30"/>
      <c r="H21" s="27"/>
    </row>
    <row r="22" spans="1:8">
      <c r="A22" s="76"/>
      <c r="B22" s="30"/>
      <c r="C22" s="30"/>
      <c r="D22" s="30"/>
      <c r="E22" s="30"/>
      <c r="F22" s="30"/>
      <c r="G22" s="30"/>
      <c r="H22" s="27"/>
    </row>
    <row r="23" spans="1:8">
      <c r="A23" s="76"/>
      <c r="B23" s="30"/>
      <c r="C23" s="30"/>
      <c r="D23" s="30"/>
      <c r="E23" s="30"/>
      <c r="F23" s="30"/>
      <c r="G23" s="30"/>
      <c r="H23" s="27"/>
    </row>
    <row r="24" spans="1:8">
      <c r="A24" s="76"/>
      <c r="B24" s="30"/>
      <c r="C24" s="30"/>
      <c r="D24" s="30"/>
      <c r="E24" s="30"/>
      <c r="F24" s="30"/>
      <c r="G24" s="30"/>
      <c r="H24" s="27"/>
    </row>
    <row r="25" spans="1:8">
      <c r="A25" s="76"/>
      <c r="B25" s="30"/>
      <c r="C25" s="30"/>
      <c r="D25" s="30"/>
      <c r="E25" s="30"/>
      <c r="F25" s="30"/>
      <c r="G25" s="30"/>
      <c r="H25" s="27"/>
    </row>
    <row r="26" spans="1:8">
      <c r="A26" s="76"/>
      <c r="B26" s="30"/>
      <c r="C26" s="30"/>
      <c r="D26" s="30"/>
      <c r="E26" s="30"/>
      <c r="F26" s="30"/>
      <c r="G26" s="30"/>
      <c r="H26" s="27"/>
    </row>
    <row r="27" spans="1:8">
      <c r="A27" s="76"/>
      <c r="B27" s="30"/>
      <c r="C27" s="30"/>
      <c r="D27" s="30"/>
      <c r="E27" s="30"/>
      <c r="F27" s="30"/>
      <c r="G27" s="30"/>
      <c r="H27" s="27"/>
    </row>
    <row r="28" spans="1:8">
      <c r="A28" s="76"/>
      <c r="B28" s="30"/>
      <c r="C28" s="30"/>
      <c r="D28" s="30"/>
      <c r="E28" s="30"/>
      <c r="F28" s="30"/>
      <c r="G28" s="30"/>
      <c r="H28" s="27"/>
    </row>
    <row r="29" spans="1:8">
      <c r="A29" s="76"/>
      <c r="B29" s="30"/>
      <c r="C29" s="30"/>
      <c r="D29" s="30"/>
      <c r="E29" s="30"/>
      <c r="F29" s="30"/>
      <c r="G29" s="30"/>
      <c r="H29" s="27"/>
    </row>
    <row r="30" spans="1:8">
      <c r="A30" s="76"/>
      <c r="B30" s="30"/>
      <c r="C30" s="30"/>
      <c r="D30" s="30"/>
      <c r="E30" s="30"/>
      <c r="F30" s="30"/>
      <c r="G30" s="30"/>
      <c r="H30" s="27"/>
    </row>
    <row r="31" spans="1:8">
      <c r="A31" s="76"/>
      <c r="B31" s="30"/>
      <c r="C31" s="30"/>
      <c r="D31" s="30"/>
      <c r="E31" s="30"/>
      <c r="F31" s="30"/>
      <c r="G31" s="30"/>
      <c r="H31" s="27"/>
    </row>
    <row r="32" spans="1:8">
      <c r="A32" s="76"/>
      <c r="B32" s="30"/>
      <c r="C32" s="30"/>
      <c r="D32" s="30"/>
      <c r="E32" s="30"/>
      <c r="F32" s="30"/>
      <c r="G32" s="30"/>
      <c r="H32" s="27"/>
    </row>
    <row r="33" spans="1:8">
      <c r="A33" s="76"/>
      <c r="B33" s="30"/>
      <c r="C33" s="30"/>
      <c r="D33" s="30"/>
      <c r="E33" s="30"/>
      <c r="F33" s="30"/>
      <c r="G33" s="30"/>
      <c r="H33" s="27"/>
    </row>
    <row r="34" spans="1:8">
      <c r="A34" s="76"/>
      <c r="B34" s="30"/>
      <c r="C34" s="30"/>
      <c r="D34" s="30"/>
      <c r="E34" s="30"/>
      <c r="F34" s="30"/>
      <c r="G34" s="30"/>
      <c r="H34" s="27"/>
    </row>
    <row r="35" spans="1:8">
      <c r="A35" s="76"/>
      <c r="B35" s="30"/>
      <c r="C35" s="30"/>
      <c r="D35" s="30"/>
      <c r="E35" s="30"/>
      <c r="F35" s="30"/>
      <c r="G35" s="30"/>
      <c r="H35" s="27"/>
    </row>
    <row r="36" spans="1:8">
      <c r="A36" s="76"/>
      <c r="B36" s="30"/>
      <c r="C36" s="30"/>
      <c r="D36" s="30"/>
      <c r="E36" s="30"/>
      <c r="F36" s="30"/>
      <c r="G36" s="30"/>
      <c r="H36" s="27"/>
    </row>
    <row r="37" spans="1:8">
      <c r="A37" s="76"/>
      <c r="B37" s="30"/>
      <c r="C37" s="30"/>
      <c r="D37" s="30"/>
      <c r="E37" s="30"/>
      <c r="F37" s="30"/>
      <c r="G37" s="30"/>
      <c r="H37" s="27"/>
    </row>
    <row r="38" spans="1:8">
      <c r="A38" s="76"/>
      <c r="B38" s="30"/>
      <c r="C38" s="30"/>
      <c r="D38" s="30"/>
      <c r="E38" s="30"/>
      <c r="F38" s="30"/>
      <c r="G38" s="30"/>
      <c r="H38" s="27"/>
    </row>
    <row r="39" spans="1:8">
      <c r="A39" s="76"/>
      <c r="B39" s="30"/>
      <c r="C39" s="30"/>
      <c r="D39" s="30"/>
      <c r="E39" s="30"/>
      <c r="F39" s="30"/>
      <c r="G39" s="30"/>
      <c r="H39" s="27"/>
    </row>
    <row r="40" spans="1:8">
      <c r="A40" s="76"/>
      <c r="B40" s="30"/>
      <c r="C40" s="30"/>
      <c r="D40" s="30"/>
      <c r="E40" s="30"/>
      <c r="F40" s="30"/>
      <c r="G40" s="30"/>
      <c r="H40" s="27"/>
    </row>
    <row r="41" spans="1:8">
      <c r="A41" s="76"/>
      <c r="B41" s="30"/>
      <c r="C41" s="30"/>
      <c r="D41" s="30"/>
      <c r="E41" s="30"/>
      <c r="F41" s="30"/>
      <c r="G41" s="30"/>
      <c r="H41" s="27"/>
    </row>
    <row r="42" spans="1:8">
      <c r="A42" s="76"/>
      <c r="B42" s="30"/>
      <c r="C42" s="30"/>
      <c r="D42" s="30"/>
      <c r="E42" s="30"/>
      <c r="F42" s="30"/>
      <c r="G42" s="30"/>
      <c r="H42" s="27"/>
    </row>
    <row r="43" spans="1:8">
      <c r="A43" s="64" t="s">
        <v>74</v>
      </c>
      <c r="B43" s="68"/>
      <c r="C43" s="78" t="s">
        <v>75</v>
      </c>
      <c r="D43" s="78"/>
      <c r="E43" s="78"/>
      <c r="F43" s="33"/>
      <c r="G43" s="31" t="s">
        <v>80</v>
      </c>
      <c r="H43" s="32"/>
    </row>
    <row r="44" spans="1:8">
      <c r="A44" s="76"/>
      <c r="B44" s="77"/>
      <c r="C44" s="79" t="s">
        <v>76</v>
      </c>
      <c r="D44" s="79"/>
      <c r="E44" s="79"/>
      <c r="F44" s="34"/>
      <c r="G44" s="19" t="s">
        <v>80</v>
      </c>
      <c r="H44" s="27"/>
    </row>
    <row r="45" spans="1:8">
      <c r="A45" s="76"/>
      <c r="B45" s="77"/>
      <c r="C45" s="79" t="s">
        <v>77</v>
      </c>
      <c r="D45" s="79"/>
      <c r="E45" s="79"/>
      <c r="F45" s="34"/>
      <c r="G45" s="19" t="s">
        <v>80</v>
      </c>
      <c r="H45" s="27"/>
    </row>
    <row r="46" spans="1:8">
      <c r="A46" s="76"/>
      <c r="B46" s="77"/>
      <c r="C46" s="79" t="s">
        <v>78</v>
      </c>
      <c r="D46" s="79"/>
      <c r="E46" s="79"/>
      <c r="F46" s="34"/>
      <c r="G46" s="19" t="s">
        <v>80</v>
      </c>
      <c r="H46" s="27"/>
    </row>
    <row r="47" spans="1:8">
      <c r="A47" s="76"/>
      <c r="B47" s="77"/>
      <c r="C47" s="79" t="s">
        <v>79</v>
      </c>
      <c r="D47" s="79"/>
      <c r="E47" s="79"/>
      <c r="F47" s="34"/>
      <c r="G47" s="19" t="s">
        <v>80</v>
      </c>
      <c r="H47" s="27"/>
    </row>
    <row r="48" spans="1:8">
      <c r="A48" s="66"/>
      <c r="B48" s="69"/>
      <c r="C48" s="80"/>
      <c r="D48" s="80"/>
      <c r="E48" s="80"/>
      <c r="F48" s="17"/>
      <c r="G48" s="17"/>
      <c r="H48" s="28"/>
    </row>
  </sheetData>
  <mergeCells count="29">
    <mergeCell ref="A2:H2"/>
    <mergeCell ref="D3:E3"/>
    <mergeCell ref="F3:H3"/>
    <mergeCell ref="A4:A9"/>
    <mergeCell ref="C4:C9"/>
    <mergeCell ref="D4:D9"/>
    <mergeCell ref="E4:E9"/>
    <mergeCell ref="F4:F9"/>
    <mergeCell ref="G4:G9"/>
    <mergeCell ref="A37:A39"/>
    <mergeCell ref="H4:H9"/>
    <mergeCell ref="B4:B9"/>
    <mergeCell ref="A10:A12"/>
    <mergeCell ref="A13:A15"/>
    <mergeCell ref="A16:A18"/>
    <mergeCell ref="A19:A21"/>
    <mergeCell ref="A22:A24"/>
    <mergeCell ref="A25:A27"/>
    <mergeCell ref="A28:A30"/>
    <mergeCell ref="A31:A33"/>
    <mergeCell ref="A34:A36"/>
    <mergeCell ref="A40:A42"/>
    <mergeCell ref="A43:B48"/>
    <mergeCell ref="C43:E43"/>
    <mergeCell ref="C44:E44"/>
    <mergeCell ref="C45:E45"/>
    <mergeCell ref="C46:E46"/>
    <mergeCell ref="C47:E47"/>
    <mergeCell ref="C48:E48"/>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E9314C-79B0-4121-A49F-8B3FC011B3D3}">
  <dimension ref="A2:I132"/>
  <sheetViews>
    <sheetView view="pageBreakPreview" zoomScale="85" zoomScaleNormal="100" zoomScaleSheetLayoutView="85" workbookViewId="0"/>
  </sheetViews>
  <sheetFormatPr defaultRowHeight="13.5"/>
  <cols>
    <col min="1" max="1" width="10.375" style="4" customWidth="1"/>
    <col min="2" max="2" width="9" style="4"/>
    <col min="3" max="3" width="11" style="4" customWidth="1"/>
    <col min="4" max="6" width="6.875" style="4" customWidth="1"/>
    <col min="7" max="8" width="11.375" style="4" customWidth="1"/>
    <col min="9" max="16384" width="9" style="4"/>
  </cols>
  <sheetData>
    <row r="2" spans="1:9">
      <c r="A2" s="54" t="s">
        <v>83</v>
      </c>
      <c r="B2" s="54"/>
      <c r="C2" s="54"/>
      <c r="D2" s="54"/>
      <c r="E2" s="54"/>
      <c r="F2" s="54"/>
      <c r="G2" s="54"/>
      <c r="H2" s="54"/>
    </row>
    <row r="4" spans="1:9" ht="18.75" customHeight="1">
      <c r="A4" s="73" t="s">
        <v>84</v>
      </c>
      <c r="B4" s="73"/>
      <c r="C4" s="73"/>
      <c r="D4" s="73"/>
      <c r="E4" s="73"/>
      <c r="F4" s="73"/>
      <c r="G4" s="73"/>
      <c r="H4" s="73"/>
    </row>
    <row r="5" spans="1:9" ht="17.25">
      <c r="A5" s="75" t="s">
        <v>46</v>
      </c>
      <c r="B5" s="75"/>
      <c r="C5" s="36"/>
      <c r="D5" s="36"/>
      <c r="E5" s="6"/>
      <c r="F5" s="6"/>
      <c r="G5" s="6"/>
      <c r="H5" s="6"/>
    </row>
    <row r="6" spans="1:9" ht="45.75" customHeight="1">
      <c r="A6" s="37">
        <v>1</v>
      </c>
      <c r="B6" s="74" t="s">
        <v>81</v>
      </c>
      <c r="C6" s="74"/>
      <c r="D6" s="74"/>
      <c r="E6" s="74"/>
      <c r="F6" s="74"/>
      <c r="G6" s="74"/>
      <c r="H6" s="74"/>
    </row>
    <row r="7" spans="1:9" ht="27.75" customHeight="1">
      <c r="A7" s="37">
        <v>2</v>
      </c>
      <c r="B7" s="74" t="s">
        <v>55</v>
      </c>
      <c r="C7" s="74"/>
      <c r="D7" s="74"/>
      <c r="E7" s="74"/>
      <c r="F7" s="74"/>
      <c r="G7" s="74"/>
      <c r="H7" s="74"/>
    </row>
    <row r="8" spans="1:9" ht="17.25" customHeight="1">
      <c r="A8" s="37">
        <v>3</v>
      </c>
      <c r="B8" s="36" t="s">
        <v>56</v>
      </c>
      <c r="C8" s="36"/>
      <c r="D8" s="36"/>
      <c r="E8" s="6"/>
      <c r="F8" s="6"/>
      <c r="G8" s="6"/>
      <c r="H8" s="6"/>
    </row>
    <row r="9" spans="1:9" ht="18" customHeight="1">
      <c r="A9" s="54" t="s">
        <v>85</v>
      </c>
      <c r="B9" s="71" t="s">
        <v>5</v>
      </c>
      <c r="C9" s="71" t="s">
        <v>51</v>
      </c>
      <c r="D9" s="87" t="s">
        <v>100</v>
      </c>
      <c r="E9" s="87"/>
      <c r="F9" s="87"/>
      <c r="G9" s="74" t="s">
        <v>57</v>
      </c>
      <c r="H9" s="38" t="s">
        <v>52</v>
      </c>
    </row>
    <row r="10" spans="1:9" ht="18" customHeight="1">
      <c r="A10" s="54"/>
      <c r="B10" s="71"/>
      <c r="C10" s="71"/>
      <c r="D10" s="87"/>
      <c r="E10" s="87"/>
      <c r="F10" s="87"/>
      <c r="G10" s="74"/>
      <c r="H10" s="39" t="s">
        <v>53</v>
      </c>
    </row>
    <row r="11" spans="1:9" ht="6.75" customHeight="1">
      <c r="A11" s="22"/>
      <c r="B11" s="20"/>
      <c r="C11" s="20"/>
      <c r="D11" s="26"/>
      <c r="E11" s="26"/>
      <c r="F11" s="26"/>
      <c r="G11" s="21"/>
      <c r="H11" s="26"/>
    </row>
    <row r="12" spans="1:9" ht="35.25" customHeight="1">
      <c r="A12" s="35" t="s">
        <v>82</v>
      </c>
      <c r="B12" s="23" t="s">
        <v>58</v>
      </c>
      <c r="C12" s="24" t="s">
        <v>59</v>
      </c>
      <c r="D12" s="70" t="s">
        <v>60</v>
      </c>
      <c r="E12" s="70"/>
      <c r="F12" s="70"/>
      <c r="G12" s="24" t="s">
        <v>61</v>
      </c>
      <c r="H12" s="25" t="s">
        <v>62</v>
      </c>
    </row>
    <row r="13" spans="1:9" ht="15.75" customHeight="1">
      <c r="A13" s="62"/>
      <c r="B13" s="62"/>
      <c r="C13" s="62"/>
      <c r="D13" s="64"/>
      <c r="E13" s="68"/>
      <c r="F13" s="65"/>
      <c r="G13" s="62"/>
      <c r="H13" s="29"/>
      <c r="I13" s="3" t="s">
        <v>102</v>
      </c>
    </row>
    <row r="14" spans="1:9" ht="15.75" customHeight="1">
      <c r="A14" s="63"/>
      <c r="B14" s="63"/>
      <c r="C14" s="63"/>
      <c r="D14" s="66"/>
      <c r="E14" s="69"/>
      <c r="F14" s="67"/>
      <c r="G14" s="63"/>
      <c r="H14" s="43"/>
    </row>
    <row r="15" spans="1:9" s="40" customFormat="1" ht="15.75" customHeight="1">
      <c r="A15" s="62"/>
      <c r="B15" s="62"/>
      <c r="C15" s="62"/>
      <c r="D15" s="64"/>
      <c r="E15" s="68"/>
      <c r="F15" s="65"/>
      <c r="G15" s="62"/>
      <c r="H15" s="29"/>
    </row>
    <row r="16" spans="1:9" s="40" customFormat="1" ht="15.75" customHeight="1">
      <c r="A16" s="63"/>
      <c r="B16" s="63"/>
      <c r="C16" s="63"/>
      <c r="D16" s="66"/>
      <c r="E16" s="69"/>
      <c r="F16" s="67"/>
      <c r="G16" s="63"/>
      <c r="H16" s="43"/>
    </row>
    <row r="17" spans="1:8" s="40" customFormat="1" ht="15.75" customHeight="1">
      <c r="A17" s="62"/>
      <c r="B17" s="62"/>
      <c r="C17" s="62"/>
      <c r="D17" s="64"/>
      <c r="E17" s="68"/>
      <c r="F17" s="65"/>
      <c r="G17" s="62"/>
      <c r="H17" s="29"/>
    </row>
    <row r="18" spans="1:8" s="40" customFormat="1" ht="15.75" customHeight="1">
      <c r="A18" s="63"/>
      <c r="B18" s="63"/>
      <c r="C18" s="63"/>
      <c r="D18" s="66"/>
      <c r="E18" s="69"/>
      <c r="F18" s="67"/>
      <c r="G18" s="63"/>
      <c r="H18" s="43"/>
    </row>
    <row r="19" spans="1:8" s="40" customFormat="1" ht="15.75" customHeight="1">
      <c r="A19" s="62"/>
      <c r="B19" s="62"/>
      <c r="C19" s="62"/>
      <c r="D19" s="64"/>
      <c r="E19" s="68"/>
      <c r="F19" s="65"/>
      <c r="G19" s="62"/>
      <c r="H19" s="29"/>
    </row>
    <row r="20" spans="1:8" s="40" customFormat="1" ht="15.75" customHeight="1">
      <c r="A20" s="63"/>
      <c r="B20" s="63"/>
      <c r="C20" s="63"/>
      <c r="D20" s="66"/>
      <c r="E20" s="69"/>
      <c r="F20" s="67"/>
      <c r="G20" s="63"/>
      <c r="H20" s="43"/>
    </row>
    <row r="21" spans="1:8" s="40" customFormat="1" ht="15.75" customHeight="1">
      <c r="A21" s="62"/>
      <c r="B21" s="62"/>
      <c r="C21" s="62"/>
      <c r="D21" s="64"/>
      <c r="E21" s="68"/>
      <c r="F21" s="65"/>
      <c r="G21" s="62"/>
      <c r="H21" s="29"/>
    </row>
    <row r="22" spans="1:8" s="40" customFormat="1" ht="15.75" customHeight="1">
      <c r="A22" s="63"/>
      <c r="B22" s="63"/>
      <c r="C22" s="63"/>
      <c r="D22" s="66"/>
      <c r="E22" s="69"/>
      <c r="F22" s="67"/>
      <c r="G22" s="63"/>
      <c r="H22" s="43"/>
    </row>
    <row r="23" spans="1:8" s="40" customFormat="1" ht="15.75" customHeight="1">
      <c r="A23" s="62"/>
      <c r="B23" s="62"/>
      <c r="C23" s="62"/>
      <c r="D23" s="64"/>
      <c r="E23" s="68"/>
      <c r="F23" s="65"/>
      <c r="G23" s="62"/>
      <c r="H23" s="29"/>
    </row>
    <row r="24" spans="1:8" s="40" customFormat="1" ht="15.75" customHeight="1">
      <c r="A24" s="63"/>
      <c r="B24" s="63"/>
      <c r="C24" s="63"/>
      <c r="D24" s="66"/>
      <c r="E24" s="69"/>
      <c r="F24" s="67"/>
      <c r="G24" s="63"/>
      <c r="H24" s="43"/>
    </row>
    <row r="25" spans="1:8" s="40" customFormat="1" ht="15.75" customHeight="1">
      <c r="A25" s="62"/>
      <c r="B25" s="62"/>
      <c r="C25" s="62"/>
      <c r="D25" s="64"/>
      <c r="E25" s="68"/>
      <c r="F25" s="65"/>
      <c r="G25" s="62"/>
      <c r="H25" s="29"/>
    </row>
    <row r="26" spans="1:8" s="40" customFormat="1" ht="15.75" customHeight="1">
      <c r="A26" s="63"/>
      <c r="B26" s="63"/>
      <c r="C26" s="63"/>
      <c r="D26" s="66"/>
      <c r="E26" s="69"/>
      <c r="F26" s="67"/>
      <c r="G26" s="63"/>
      <c r="H26" s="43"/>
    </row>
    <row r="27" spans="1:8" s="40" customFormat="1" ht="15.75" customHeight="1">
      <c r="A27" s="62"/>
      <c r="B27" s="62"/>
      <c r="C27" s="62"/>
      <c r="D27" s="64"/>
      <c r="E27" s="68"/>
      <c r="F27" s="65"/>
      <c r="G27" s="62"/>
      <c r="H27" s="29"/>
    </row>
    <row r="28" spans="1:8" s="40" customFormat="1" ht="15.75" customHeight="1">
      <c r="A28" s="63"/>
      <c r="B28" s="63"/>
      <c r="C28" s="63"/>
      <c r="D28" s="66"/>
      <c r="E28" s="69"/>
      <c r="F28" s="67"/>
      <c r="G28" s="63"/>
      <c r="H28" s="43"/>
    </row>
    <row r="29" spans="1:8" s="40" customFormat="1" ht="15.75" customHeight="1">
      <c r="A29" s="62"/>
      <c r="B29" s="62"/>
      <c r="C29" s="62"/>
      <c r="D29" s="64"/>
      <c r="E29" s="68"/>
      <c r="F29" s="65"/>
      <c r="G29" s="62"/>
      <c r="H29" s="29"/>
    </row>
    <row r="30" spans="1:8" s="40" customFormat="1" ht="15.75" customHeight="1">
      <c r="A30" s="63"/>
      <c r="B30" s="63"/>
      <c r="C30" s="63"/>
      <c r="D30" s="66"/>
      <c r="E30" s="69"/>
      <c r="F30" s="67"/>
      <c r="G30" s="63"/>
      <c r="H30" s="43"/>
    </row>
    <row r="31" spans="1:8" s="40" customFormat="1" ht="15.75" customHeight="1">
      <c r="A31" s="62"/>
      <c r="B31" s="62"/>
      <c r="C31" s="62"/>
      <c r="D31" s="64"/>
      <c r="E31" s="68"/>
      <c r="F31" s="65"/>
      <c r="G31" s="62"/>
      <c r="H31" s="29"/>
    </row>
    <row r="32" spans="1:8" s="40" customFormat="1" ht="15.75" customHeight="1">
      <c r="A32" s="63"/>
      <c r="B32" s="63"/>
      <c r="C32" s="63"/>
      <c r="D32" s="66"/>
      <c r="E32" s="69"/>
      <c r="F32" s="67"/>
      <c r="G32" s="63"/>
      <c r="H32" s="43"/>
    </row>
    <row r="33" spans="1:8" s="40" customFormat="1" ht="15.75" customHeight="1">
      <c r="A33" s="62"/>
      <c r="B33" s="62"/>
      <c r="C33" s="62"/>
      <c r="D33" s="64"/>
      <c r="E33" s="68"/>
      <c r="F33" s="65"/>
      <c r="G33" s="62"/>
      <c r="H33" s="29"/>
    </row>
    <row r="34" spans="1:8" s="40" customFormat="1" ht="15.75" customHeight="1">
      <c r="A34" s="63"/>
      <c r="B34" s="63"/>
      <c r="C34" s="63"/>
      <c r="D34" s="66"/>
      <c r="E34" s="69"/>
      <c r="F34" s="67"/>
      <c r="G34" s="63"/>
      <c r="H34" s="43"/>
    </row>
    <row r="35" spans="1:8" s="40" customFormat="1" ht="15.75" customHeight="1">
      <c r="A35" s="62"/>
      <c r="B35" s="62"/>
      <c r="C35" s="62"/>
      <c r="D35" s="64"/>
      <c r="E35" s="68"/>
      <c r="F35" s="65"/>
      <c r="G35" s="62"/>
      <c r="H35" s="29"/>
    </row>
    <row r="36" spans="1:8" s="40" customFormat="1" ht="15.75" customHeight="1">
      <c r="A36" s="63"/>
      <c r="B36" s="63"/>
      <c r="C36" s="63"/>
      <c r="D36" s="66"/>
      <c r="E36" s="69"/>
      <c r="F36" s="67"/>
      <c r="G36" s="63"/>
      <c r="H36" s="43"/>
    </row>
    <row r="37" spans="1:8" s="40" customFormat="1" ht="15.75" customHeight="1">
      <c r="A37" s="62"/>
      <c r="B37" s="62"/>
      <c r="C37" s="62"/>
      <c r="D37" s="64"/>
      <c r="E37" s="68"/>
      <c r="F37" s="65"/>
      <c r="G37" s="62"/>
      <c r="H37" s="29"/>
    </row>
    <row r="38" spans="1:8" s="40" customFormat="1" ht="15.75" customHeight="1">
      <c r="A38" s="63"/>
      <c r="B38" s="63"/>
      <c r="C38" s="63"/>
      <c r="D38" s="66"/>
      <c r="E38" s="69"/>
      <c r="F38" s="67"/>
      <c r="G38" s="63"/>
      <c r="H38" s="43"/>
    </row>
    <row r="39" spans="1:8" s="40" customFormat="1" ht="15.75" customHeight="1">
      <c r="A39" s="62"/>
      <c r="B39" s="62"/>
      <c r="C39" s="62"/>
      <c r="D39" s="64"/>
      <c r="E39" s="68"/>
      <c r="F39" s="65"/>
      <c r="G39" s="62"/>
      <c r="H39" s="29"/>
    </row>
    <row r="40" spans="1:8" s="40" customFormat="1" ht="15.75" customHeight="1">
      <c r="A40" s="63"/>
      <c r="B40" s="63"/>
      <c r="C40" s="63"/>
      <c r="D40" s="66"/>
      <c r="E40" s="69"/>
      <c r="F40" s="67"/>
      <c r="G40" s="63"/>
      <c r="H40" s="43"/>
    </row>
    <row r="41" spans="1:8" s="40" customFormat="1" ht="15.75" customHeight="1">
      <c r="A41" s="62"/>
      <c r="B41" s="62"/>
      <c r="C41" s="62"/>
      <c r="D41" s="64"/>
      <c r="E41" s="68"/>
      <c r="F41" s="65"/>
      <c r="G41" s="62"/>
      <c r="H41" s="29"/>
    </row>
    <row r="42" spans="1:8" s="40" customFormat="1" ht="15.75" customHeight="1">
      <c r="A42" s="63"/>
      <c r="B42" s="63"/>
      <c r="C42" s="63"/>
      <c r="D42" s="66"/>
      <c r="E42" s="69"/>
      <c r="F42" s="67"/>
      <c r="G42" s="63"/>
      <c r="H42" s="43"/>
    </row>
    <row r="43" spans="1:8" s="44" customFormat="1" ht="35.25" customHeight="1">
      <c r="A43" s="35" t="s">
        <v>82</v>
      </c>
      <c r="B43" s="23" t="s">
        <v>58</v>
      </c>
      <c r="C43" s="47" t="s">
        <v>59</v>
      </c>
      <c r="D43" s="70" t="s">
        <v>60</v>
      </c>
      <c r="E43" s="70"/>
      <c r="F43" s="70"/>
      <c r="G43" s="47" t="s">
        <v>61</v>
      </c>
      <c r="H43" s="25" t="s">
        <v>62</v>
      </c>
    </row>
    <row r="44" spans="1:8" s="44" customFormat="1" ht="15.75" customHeight="1">
      <c r="A44" s="62"/>
      <c r="B44" s="62"/>
      <c r="C44" s="62"/>
      <c r="D44" s="64"/>
      <c r="E44" s="68"/>
      <c r="F44" s="65"/>
      <c r="G44" s="62"/>
      <c r="H44" s="45"/>
    </row>
    <row r="45" spans="1:8" s="44" customFormat="1" ht="15.75" customHeight="1">
      <c r="A45" s="63"/>
      <c r="B45" s="63"/>
      <c r="C45" s="63"/>
      <c r="D45" s="66"/>
      <c r="E45" s="69"/>
      <c r="F45" s="67"/>
      <c r="G45" s="63"/>
      <c r="H45" s="46"/>
    </row>
    <row r="46" spans="1:8" s="44" customFormat="1" ht="15.75" customHeight="1">
      <c r="A46" s="62"/>
      <c r="B46" s="62"/>
      <c r="C46" s="62"/>
      <c r="D46" s="64"/>
      <c r="E46" s="68"/>
      <c r="F46" s="65"/>
      <c r="G46" s="62"/>
      <c r="H46" s="45"/>
    </row>
    <row r="47" spans="1:8" s="44" customFormat="1" ht="15.75" customHeight="1">
      <c r="A47" s="63"/>
      <c r="B47" s="63"/>
      <c r="C47" s="63"/>
      <c r="D47" s="66"/>
      <c r="E47" s="69"/>
      <c r="F47" s="67"/>
      <c r="G47" s="63"/>
      <c r="H47" s="46"/>
    </row>
    <row r="48" spans="1:8" s="44" customFormat="1" ht="15.75" customHeight="1">
      <c r="A48" s="62"/>
      <c r="B48" s="62"/>
      <c r="C48" s="62"/>
      <c r="D48" s="64"/>
      <c r="E48" s="68"/>
      <c r="F48" s="65"/>
      <c r="G48" s="62"/>
      <c r="H48" s="45"/>
    </row>
    <row r="49" spans="1:8" s="44" customFormat="1" ht="15.75" customHeight="1">
      <c r="A49" s="63"/>
      <c r="B49" s="63"/>
      <c r="C49" s="63"/>
      <c r="D49" s="66"/>
      <c r="E49" s="69"/>
      <c r="F49" s="67"/>
      <c r="G49" s="63"/>
      <c r="H49" s="46"/>
    </row>
    <row r="50" spans="1:8" s="44" customFormat="1" ht="15.75" customHeight="1">
      <c r="A50" s="62"/>
      <c r="B50" s="62"/>
      <c r="C50" s="62"/>
      <c r="D50" s="64"/>
      <c r="E50" s="68"/>
      <c r="F50" s="65"/>
      <c r="G50" s="62"/>
      <c r="H50" s="45"/>
    </row>
    <row r="51" spans="1:8" s="44" customFormat="1" ht="15.75" customHeight="1">
      <c r="A51" s="63"/>
      <c r="B51" s="63"/>
      <c r="C51" s="63"/>
      <c r="D51" s="66"/>
      <c r="E51" s="69"/>
      <c r="F51" s="67"/>
      <c r="G51" s="63"/>
      <c r="H51" s="46"/>
    </row>
    <row r="52" spans="1:8" s="44" customFormat="1" ht="15.75" customHeight="1">
      <c r="A52" s="62"/>
      <c r="B52" s="62"/>
      <c r="C52" s="62"/>
      <c r="D52" s="64"/>
      <c r="E52" s="68"/>
      <c r="F52" s="65"/>
      <c r="G52" s="62"/>
      <c r="H52" s="45"/>
    </row>
    <row r="53" spans="1:8" s="44" customFormat="1" ht="15.75" customHeight="1">
      <c r="A53" s="63"/>
      <c r="B53" s="63"/>
      <c r="C53" s="63"/>
      <c r="D53" s="66"/>
      <c r="E53" s="69"/>
      <c r="F53" s="67"/>
      <c r="G53" s="63"/>
      <c r="H53" s="46"/>
    </row>
    <row r="54" spans="1:8" s="44" customFormat="1" ht="15.75" customHeight="1">
      <c r="A54" s="62"/>
      <c r="B54" s="62"/>
      <c r="C54" s="62"/>
      <c r="D54" s="64"/>
      <c r="E54" s="68"/>
      <c r="F54" s="65"/>
      <c r="G54" s="62"/>
      <c r="H54" s="45"/>
    </row>
    <row r="55" spans="1:8" s="44" customFormat="1" ht="15.75" customHeight="1">
      <c r="A55" s="63"/>
      <c r="B55" s="63"/>
      <c r="C55" s="63"/>
      <c r="D55" s="66"/>
      <c r="E55" s="69"/>
      <c r="F55" s="67"/>
      <c r="G55" s="63"/>
      <c r="H55" s="46"/>
    </row>
    <row r="56" spans="1:8" s="44" customFormat="1" ht="15.75" customHeight="1">
      <c r="A56" s="62"/>
      <c r="B56" s="62"/>
      <c r="C56" s="62"/>
      <c r="D56" s="64"/>
      <c r="E56" s="68"/>
      <c r="F56" s="65"/>
      <c r="G56" s="62"/>
      <c r="H56" s="45"/>
    </row>
    <row r="57" spans="1:8" s="44" customFormat="1" ht="15.75" customHeight="1">
      <c r="A57" s="63"/>
      <c r="B57" s="63"/>
      <c r="C57" s="63"/>
      <c r="D57" s="66"/>
      <c r="E57" s="69"/>
      <c r="F57" s="67"/>
      <c r="G57" s="63"/>
      <c r="H57" s="46"/>
    </row>
    <row r="58" spans="1:8" s="44" customFormat="1" ht="15.75" customHeight="1">
      <c r="A58" s="62"/>
      <c r="B58" s="62"/>
      <c r="C58" s="62"/>
      <c r="D58" s="64"/>
      <c r="E58" s="68"/>
      <c r="F58" s="65"/>
      <c r="G58" s="62"/>
      <c r="H58" s="45"/>
    </row>
    <row r="59" spans="1:8" s="44" customFormat="1" ht="15.75" customHeight="1">
      <c r="A59" s="63"/>
      <c r="B59" s="63"/>
      <c r="C59" s="63"/>
      <c r="D59" s="66"/>
      <c r="E59" s="69"/>
      <c r="F59" s="67"/>
      <c r="G59" s="63"/>
      <c r="H59" s="46"/>
    </row>
    <row r="60" spans="1:8" s="44" customFormat="1" ht="15.75" customHeight="1">
      <c r="A60" s="62"/>
      <c r="B60" s="62"/>
      <c r="C60" s="62"/>
      <c r="D60" s="64"/>
      <c r="E60" s="68"/>
      <c r="F60" s="65"/>
      <c r="G60" s="62"/>
      <c r="H60" s="45"/>
    </row>
    <row r="61" spans="1:8" s="44" customFormat="1" ht="15.75" customHeight="1">
      <c r="A61" s="63"/>
      <c r="B61" s="63"/>
      <c r="C61" s="63"/>
      <c r="D61" s="66"/>
      <c r="E61" s="69"/>
      <c r="F61" s="67"/>
      <c r="G61" s="63"/>
      <c r="H61" s="46"/>
    </row>
    <row r="62" spans="1:8" s="44" customFormat="1" ht="15.75" customHeight="1">
      <c r="A62" s="62"/>
      <c r="B62" s="62"/>
      <c r="C62" s="62"/>
      <c r="D62" s="64"/>
      <c r="E62" s="68"/>
      <c r="F62" s="65"/>
      <c r="G62" s="62"/>
      <c r="H62" s="45"/>
    </row>
    <row r="63" spans="1:8" s="44" customFormat="1" ht="15.75" customHeight="1">
      <c r="A63" s="63"/>
      <c r="B63" s="63"/>
      <c r="C63" s="63"/>
      <c r="D63" s="66"/>
      <c r="E63" s="69"/>
      <c r="F63" s="67"/>
      <c r="G63" s="63"/>
      <c r="H63" s="46"/>
    </row>
    <row r="64" spans="1:8" s="44" customFormat="1" ht="15.75" customHeight="1">
      <c r="A64" s="62"/>
      <c r="B64" s="62"/>
      <c r="C64" s="62"/>
      <c r="D64" s="64"/>
      <c r="E64" s="68"/>
      <c r="F64" s="65"/>
      <c r="G64" s="62"/>
      <c r="H64" s="45"/>
    </row>
    <row r="65" spans="1:8" s="44" customFormat="1" ht="15.75" customHeight="1">
      <c r="A65" s="63"/>
      <c r="B65" s="63"/>
      <c r="C65" s="63"/>
      <c r="D65" s="66"/>
      <c r="E65" s="69"/>
      <c r="F65" s="67"/>
      <c r="G65" s="63"/>
      <c r="H65" s="46"/>
    </row>
    <row r="66" spans="1:8" s="44" customFormat="1" ht="15.75" customHeight="1">
      <c r="A66" s="62"/>
      <c r="B66" s="62"/>
      <c r="C66" s="62"/>
      <c r="D66" s="64"/>
      <c r="E66" s="68"/>
      <c r="F66" s="65"/>
      <c r="G66" s="62"/>
      <c r="H66" s="45"/>
    </row>
    <row r="67" spans="1:8" s="44" customFormat="1" ht="15.75" customHeight="1">
      <c r="A67" s="63"/>
      <c r="B67" s="63"/>
      <c r="C67" s="63"/>
      <c r="D67" s="66"/>
      <c r="E67" s="69"/>
      <c r="F67" s="67"/>
      <c r="G67" s="63"/>
      <c r="H67" s="46"/>
    </row>
    <row r="68" spans="1:8" s="44" customFormat="1" ht="15.75" customHeight="1">
      <c r="A68" s="62"/>
      <c r="B68" s="62"/>
      <c r="C68" s="62"/>
      <c r="D68" s="64"/>
      <c r="E68" s="68"/>
      <c r="F68" s="65"/>
      <c r="G68" s="62"/>
      <c r="H68" s="45"/>
    </row>
    <row r="69" spans="1:8" s="44" customFormat="1" ht="15.75" customHeight="1">
      <c r="A69" s="63"/>
      <c r="B69" s="63"/>
      <c r="C69" s="63"/>
      <c r="D69" s="66"/>
      <c r="E69" s="69"/>
      <c r="F69" s="67"/>
      <c r="G69" s="63"/>
      <c r="H69" s="46"/>
    </row>
    <row r="70" spans="1:8" s="44" customFormat="1" ht="15.75" customHeight="1">
      <c r="A70" s="62"/>
      <c r="B70" s="62"/>
      <c r="C70" s="62"/>
      <c r="D70" s="64"/>
      <c r="E70" s="68"/>
      <c r="F70" s="65"/>
      <c r="G70" s="62"/>
      <c r="H70" s="45"/>
    </row>
    <row r="71" spans="1:8" s="44" customFormat="1" ht="15.75" customHeight="1">
      <c r="A71" s="63"/>
      <c r="B71" s="63"/>
      <c r="C71" s="63"/>
      <c r="D71" s="66"/>
      <c r="E71" s="69"/>
      <c r="F71" s="67"/>
      <c r="G71" s="63"/>
      <c r="H71" s="46"/>
    </row>
    <row r="72" spans="1:8" s="44" customFormat="1" ht="15.75" customHeight="1">
      <c r="A72" s="62"/>
      <c r="B72" s="62"/>
      <c r="C72" s="62"/>
      <c r="D72" s="64"/>
      <c r="E72" s="68"/>
      <c r="F72" s="65"/>
      <c r="G72" s="62"/>
      <c r="H72" s="45"/>
    </row>
    <row r="73" spans="1:8" s="44" customFormat="1" ht="15.75" customHeight="1">
      <c r="A73" s="63"/>
      <c r="B73" s="63"/>
      <c r="C73" s="63"/>
      <c r="D73" s="66"/>
      <c r="E73" s="69"/>
      <c r="F73" s="67"/>
      <c r="G73" s="63"/>
      <c r="H73" s="46"/>
    </row>
    <row r="74" spans="1:8" s="44" customFormat="1" ht="15.75" customHeight="1">
      <c r="A74" s="62"/>
      <c r="B74" s="62"/>
      <c r="C74" s="62"/>
      <c r="D74" s="64"/>
      <c r="E74" s="68"/>
      <c r="F74" s="65"/>
      <c r="G74" s="62"/>
      <c r="H74" s="45"/>
    </row>
    <row r="75" spans="1:8" s="44" customFormat="1" ht="15.75" customHeight="1">
      <c r="A75" s="63"/>
      <c r="B75" s="63"/>
      <c r="C75" s="63"/>
      <c r="D75" s="66"/>
      <c r="E75" s="69"/>
      <c r="F75" s="67"/>
      <c r="G75" s="63"/>
      <c r="H75" s="46"/>
    </row>
    <row r="76" spans="1:8" s="44" customFormat="1" ht="15.75" customHeight="1">
      <c r="A76" s="62"/>
      <c r="B76" s="62"/>
      <c r="C76" s="62"/>
      <c r="D76" s="64"/>
      <c r="E76" s="68"/>
      <c r="F76" s="65"/>
      <c r="G76" s="62"/>
      <c r="H76" s="45"/>
    </row>
    <row r="77" spans="1:8" s="44" customFormat="1" ht="15.75" customHeight="1">
      <c r="A77" s="63"/>
      <c r="B77" s="63"/>
      <c r="C77" s="63"/>
      <c r="D77" s="66"/>
      <c r="E77" s="69"/>
      <c r="F77" s="67"/>
      <c r="G77" s="63"/>
      <c r="H77" s="46"/>
    </row>
    <row r="78" spans="1:8" s="44" customFormat="1" ht="15.75" customHeight="1">
      <c r="A78" s="62"/>
      <c r="B78" s="62"/>
      <c r="C78" s="62"/>
      <c r="D78" s="64"/>
      <c r="E78" s="68"/>
      <c r="F78" s="65"/>
      <c r="G78" s="62"/>
      <c r="H78" s="45"/>
    </row>
    <row r="79" spans="1:8" s="44" customFormat="1" ht="15.75" customHeight="1">
      <c r="A79" s="63"/>
      <c r="B79" s="63"/>
      <c r="C79" s="63"/>
      <c r="D79" s="66"/>
      <c r="E79" s="69"/>
      <c r="F79" s="67"/>
      <c r="G79" s="63"/>
      <c r="H79" s="46"/>
    </row>
    <row r="80" spans="1:8" s="44" customFormat="1" ht="15.75" customHeight="1">
      <c r="A80" s="62"/>
      <c r="B80" s="62"/>
      <c r="C80" s="62"/>
      <c r="D80" s="64"/>
      <c r="E80" s="68"/>
      <c r="F80" s="65"/>
      <c r="G80" s="62"/>
      <c r="H80" s="45"/>
    </row>
    <row r="81" spans="1:8" s="44" customFormat="1" ht="15.75" customHeight="1">
      <c r="A81" s="63"/>
      <c r="B81" s="63"/>
      <c r="C81" s="63"/>
      <c r="D81" s="66"/>
      <c r="E81" s="69"/>
      <c r="F81" s="67"/>
      <c r="G81" s="63"/>
      <c r="H81" s="46"/>
    </row>
    <row r="82" spans="1:8" s="44" customFormat="1" ht="15.75" customHeight="1">
      <c r="A82" s="62"/>
      <c r="B82" s="62"/>
      <c r="C82" s="62"/>
      <c r="D82" s="64"/>
      <c r="E82" s="68"/>
      <c r="F82" s="65"/>
      <c r="G82" s="62"/>
      <c r="H82" s="45"/>
    </row>
    <row r="83" spans="1:8" s="44" customFormat="1" ht="15.75" customHeight="1">
      <c r="A83" s="63"/>
      <c r="B83" s="63"/>
      <c r="C83" s="63"/>
      <c r="D83" s="66"/>
      <c r="E83" s="69"/>
      <c r="F83" s="67"/>
      <c r="G83" s="63"/>
      <c r="H83" s="46"/>
    </row>
    <row r="84" spans="1:8" s="44" customFormat="1" ht="15.75" customHeight="1">
      <c r="A84" s="62"/>
      <c r="B84" s="62"/>
      <c r="C84" s="62"/>
      <c r="D84" s="64"/>
      <c r="E84" s="68"/>
      <c r="F84" s="65"/>
      <c r="G84" s="62"/>
      <c r="H84" s="45"/>
    </row>
    <row r="85" spans="1:8" s="44" customFormat="1" ht="15.75" customHeight="1">
      <c r="A85" s="63"/>
      <c r="B85" s="63"/>
      <c r="C85" s="63"/>
      <c r="D85" s="66"/>
      <c r="E85" s="69"/>
      <c r="F85" s="67"/>
      <c r="G85" s="63"/>
      <c r="H85" s="46"/>
    </row>
    <row r="86" spans="1:8" s="44" customFormat="1" ht="15.75" customHeight="1">
      <c r="A86" s="62"/>
      <c r="B86" s="62"/>
      <c r="C86" s="62"/>
      <c r="D86" s="64"/>
      <c r="E86" s="68"/>
      <c r="F86" s="65"/>
      <c r="G86" s="62"/>
      <c r="H86" s="45"/>
    </row>
    <row r="87" spans="1:8" s="44" customFormat="1" ht="15.75" customHeight="1">
      <c r="A87" s="63"/>
      <c r="B87" s="63"/>
      <c r="C87" s="63"/>
      <c r="D87" s="66"/>
      <c r="E87" s="69"/>
      <c r="F87" s="67"/>
      <c r="G87" s="63"/>
      <c r="H87" s="46"/>
    </row>
    <row r="88" spans="1:8" s="44" customFormat="1" ht="35.25" customHeight="1">
      <c r="A88" s="35" t="s">
        <v>82</v>
      </c>
      <c r="B88" s="23" t="s">
        <v>58</v>
      </c>
      <c r="C88" s="47" t="s">
        <v>59</v>
      </c>
      <c r="D88" s="70" t="s">
        <v>60</v>
      </c>
      <c r="E88" s="70"/>
      <c r="F88" s="70"/>
      <c r="G88" s="47" t="s">
        <v>61</v>
      </c>
      <c r="H88" s="25" t="s">
        <v>62</v>
      </c>
    </row>
    <row r="89" spans="1:8" s="44" customFormat="1" ht="15.75" customHeight="1">
      <c r="A89" s="62"/>
      <c r="B89" s="62"/>
      <c r="C89" s="62"/>
      <c r="D89" s="64"/>
      <c r="E89" s="68"/>
      <c r="F89" s="65"/>
      <c r="G89" s="62"/>
      <c r="H89" s="45"/>
    </row>
    <row r="90" spans="1:8" s="44" customFormat="1" ht="15.75" customHeight="1">
      <c r="A90" s="63"/>
      <c r="B90" s="63"/>
      <c r="C90" s="63"/>
      <c r="D90" s="66"/>
      <c r="E90" s="69"/>
      <c r="F90" s="67"/>
      <c r="G90" s="63"/>
      <c r="H90" s="46"/>
    </row>
    <row r="91" spans="1:8" s="44" customFormat="1" ht="15.75" customHeight="1">
      <c r="A91" s="62"/>
      <c r="B91" s="62"/>
      <c r="C91" s="62"/>
      <c r="D91" s="64"/>
      <c r="E91" s="68"/>
      <c r="F91" s="65"/>
      <c r="G91" s="62"/>
      <c r="H91" s="45"/>
    </row>
    <row r="92" spans="1:8" s="44" customFormat="1" ht="15.75" customHeight="1">
      <c r="A92" s="63"/>
      <c r="B92" s="63"/>
      <c r="C92" s="63"/>
      <c r="D92" s="66"/>
      <c r="E92" s="69"/>
      <c r="F92" s="67"/>
      <c r="G92" s="63"/>
      <c r="H92" s="46"/>
    </row>
    <row r="93" spans="1:8" s="44" customFormat="1" ht="15.75" customHeight="1">
      <c r="A93" s="62"/>
      <c r="B93" s="62"/>
      <c r="C93" s="62"/>
      <c r="D93" s="64"/>
      <c r="E93" s="68"/>
      <c r="F93" s="65"/>
      <c r="G93" s="62"/>
      <c r="H93" s="45"/>
    </row>
    <row r="94" spans="1:8" s="44" customFormat="1" ht="15.75" customHeight="1">
      <c r="A94" s="63"/>
      <c r="B94" s="63"/>
      <c r="C94" s="63"/>
      <c r="D94" s="66"/>
      <c r="E94" s="69"/>
      <c r="F94" s="67"/>
      <c r="G94" s="63"/>
      <c r="H94" s="46"/>
    </row>
    <row r="95" spans="1:8" s="44" customFormat="1" ht="15.75" customHeight="1">
      <c r="A95" s="62"/>
      <c r="B95" s="62"/>
      <c r="C95" s="62"/>
      <c r="D95" s="64"/>
      <c r="E95" s="68"/>
      <c r="F95" s="65"/>
      <c r="G95" s="62"/>
      <c r="H95" s="45"/>
    </row>
    <row r="96" spans="1:8" s="44" customFormat="1" ht="15.75" customHeight="1">
      <c r="A96" s="63"/>
      <c r="B96" s="63"/>
      <c r="C96" s="63"/>
      <c r="D96" s="66"/>
      <c r="E96" s="69"/>
      <c r="F96" s="67"/>
      <c r="G96" s="63"/>
      <c r="H96" s="46"/>
    </row>
    <row r="97" spans="1:8" s="44" customFormat="1" ht="15.75" customHeight="1">
      <c r="A97" s="62"/>
      <c r="B97" s="62"/>
      <c r="C97" s="62"/>
      <c r="D97" s="64"/>
      <c r="E97" s="68"/>
      <c r="F97" s="65"/>
      <c r="G97" s="62"/>
      <c r="H97" s="45"/>
    </row>
    <row r="98" spans="1:8" s="44" customFormat="1" ht="15.75" customHeight="1">
      <c r="A98" s="63"/>
      <c r="B98" s="63"/>
      <c r="C98" s="63"/>
      <c r="D98" s="66"/>
      <c r="E98" s="69"/>
      <c r="F98" s="67"/>
      <c r="G98" s="63"/>
      <c r="H98" s="46"/>
    </row>
    <row r="99" spans="1:8" s="44" customFormat="1" ht="15.75" customHeight="1">
      <c r="A99" s="62"/>
      <c r="B99" s="62"/>
      <c r="C99" s="62"/>
      <c r="D99" s="64"/>
      <c r="E99" s="68"/>
      <c r="F99" s="65"/>
      <c r="G99" s="62"/>
      <c r="H99" s="45"/>
    </row>
    <row r="100" spans="1:8" s="44" customFormat="1" ht="15.75" customHeight="1">
      <c r="A100" s="63"/>
      <c r="B100" s="63"/>
      <c r="C100" s="63"/>
      <c r="D100" s="66"/>
      <c r="E100" s="69"/>
      <c r="F100" s="67"/>
      <c r="G100" s="63"/>
      <c r="H100" s="46"/>
    </row>
    <row r="101" spans="1:8" s="44" customFormat="1" ht="15.75" customHeight="1">
      <c r="A101" s="62"/>
      <c r="B101" s="62"/>
      <c r="C101" s="62"/>
      <c r="D101" s="64"/>
      <c r="E101" s="68"/>
      <c r="F101" s="65"/>
      <c r="G101" s="62"/>
      <c r="H101" s="45"/>
    </row>
    <row r="102" spans="1:8" s="44" customFormat="1" ht="15.75" customHeight="1">
      <c r="A102" s="63"/>
      <c r="B102" s="63"/>
      <c r="C102" s="63"/>
      <c r="D102" s="66"/>
      <c r="E102" s="69"/>
      <c r="F102" s="67"/>
      <c r="G102" s="63"/>
      <c r="H102" s="46"/>
    </row>
    <row r="103" spans="1:8" s="44" customFormat="1" ht="15.75" customHeight="1">
      <c r="A103" s="62"/>
      <c r="B103" s="62"/>
      <c r="C103" s="62"/>
      <c r="D103" s="64"/>
      <c r="E103" s="68"/>
      <c r="F103" s="65"/>
      <c r="G103" s="62"/>
      <c r="H103" s="45"/>
    </row>
    <row r="104" spans="1:8" s="44" customFormat="1" ht="15.75" customHeight="1">
      <c r="A104" s="63"/>
      <c r="B104" s="63"/>
      <c r="C104" s="63"/>
      <c r="D104" s="66"/>
      <c r="E104" s="69"/>
      <c r="F104" s="67"/>
      <c r="G104" s="63"/>
      <c r="H104" s="46"/>
    </row>
    <row r="105" spans="1:8" s="44" customFormat="1" ht="15.75" customHeight="1">
      <c r="A105" s="62"/>
      <c r="B105" s="62"/>
      <c r="C105" s="62"/>
      <c r="D105" s="64"/>
      <c r="E105" s="68"/>
      <c r="F105" s="65"/>
      <c r="G105" s="62"/>
      <c r="H105" s="45"/>
    </row>
    <row r="106" spans="1:8" s="44" customFormat="1" ht="15.75" customHeight="1">
      <c r="A106" s="63"/>
      <c r="B106" s="63"/>
      <c r="C106" s="63"/>
      <c r="D106" s="66"/>
      <c r="E106" s="69"/>
      <c r="F106" s="67"/>
      <c r="G106" s="63"/>
      <c r="H106" s="46"/>
    </row>
    <row r="107" spans="1:8" s="44" customFormat="1" ht="15.75" customHeight="1">
      <c r="A107" s="62"/>
      <c r="B107" s="62"/>
      <c r="C107" s="62"/>
      <c r="D107" s="64"/>
      <c r="E107" s="68"/>
      <c r="F107" s="65"/>
      <c r="G107" s="62"/>
      <c r="H107" s="45"/>
    </row>
    <row r="108" spans="1:8" s="44" customFormat="1" ht="15.75" customHeight="1">
      <c r="A108" s="63"/>
      <c r="B108" s="63"/>
      <c r="C108" s="63"/>
      <c r="D108" s="66"/>
      <c r="E108" s="69"/>
      <c r="F108" s="67"/>
      <c r="G108" s="63"/>
      <c r="H108" s="46"/>
    </row>
    <row r="109" spans="1:8" s="44" customFormat="1" ht="15.75" customHeight="1">
      <c r="A109" s="62"/>
      <c r="B109" s="62"/>
      <c r="C109" s="62"/>
      <c r="D109" s="64"/>
      <c r="E109" s="68"/>
      <c r="F109" s="65"/>
      <c r="G109" s="62"/>
      <c r="H109" s="45"/>
    </row>
    <row r="110" spans="1:8" s="44" customFormat="1" ht="15.75" customHeight="1">
      <c r="A110" s="63"/>
      <c r="B110" s="63"/>
      <c r="C110" s="63"/>
      <c r="D110" s="66"/>
      <c r="E110" s="69"/>
      <c r="F110" s="67"/>
      <c r="G110" s="63"/>
      <c r="H110" s="46"/>
    </row>
    <row r="111" spans="1:8" s="44" customFormat="1" ht="15.75" customHeight="1">
      <c r="A111" s="62"/>
      <c r="B111" s="62"/>
      <c r="C111" s="62"/>
      <c r="D111" s="64"/>
      <c r="E111" s="68"/>
      <c r="F111" s="65"/>
      <c r="G111" s="62"/>
      <c r="H111" s="45"/>
    </row>
    <row r="112" spans="1:8" s="44" customFormat="1" ht="15.75" customHeight="1">
      <c r="A112" s="63"/>
      <c r="B112" s="63"/>
      <c r="C112" s="63"/>
      <c r="D112" s="66"/>
      <c r="E112" s="69"/>
      <c r="F112" s="67"/>
      <c r="G112" s="63"/>
      <c r="H112" s="46"/>
    </row>
    <row r="113" spans="1:8" s="44" customFormat="1" ht="15.75" customHeight="1">
      <c r="A113" s="62"/>
      <c r="B113" s="62"/>
      <c r="C113" s="62"/>
      <c r="D113" s="64"/>
      <c r="E113" s="68"/>
      <c r="F113" s="65"/>
      <c r="G113" s="62"/>
      <c r="H113" s="45"/>
    </row>
    <row r="114" spans="1:8" s="44" customFormat="1" ht="15.75" customHeight="1">
      <c r="A114" s="63"/>
      <c r="B114" s="63"/>
      <c r="C114" s="63"/>
      <c r="D114" s="66"/>
      <c r="E114" s="69"/>
      <c r="F114" s="67"/>
      <c r="G114" s="63"/>
      <c r="H114" s="46"/>
    </row>
    <row r="115" spans="1:8" s="44" customFormat="1" ht="15.75" customHeight="1">
      <c r="A115" s="62"/>
      <c r="B115" s="62"/>
      <c r="C115" s="62"/>
      <c r="D115" s="64"/>
      <c r="E115" s="68"/>
      <c r="F115" s="65"/>
      <c r="G115" s="62"/>
      <c r="H115" s="45"/>
    </row>
    <row r="116" spans="1:8" s="44" customFormat="1" ht="15.75" customHeight="1">
      <c r="A116" s="63"/>
      <c r="B116" s="63"/>
      <c r="C116" s="63"/>
      <c r="D116" s="66"/>
      <c r="E116" s="69"/>
      <c r="F116" s="67"/>
      <c r="G116" s="63"/>
      <c r="H116" s="46"/>
    </row>
    <row r="117" spans="1:8" s="44" customFormat="1" ht="15.75" customHeight="1">
      <c r="A117" s="62"/>
      <c r="B117" s="62"/>
      <c r="C117" s="62"/>
      <c r="D117" s="64"/>
      <c r="E117" s="68"/>
      <c r="F117" s="65"/>
      <c r="G117" s="62"/>
      <c r="H117" s="45"/>
    </row>
    <row r="118" spans="1:8" s="44" customFormat="1" ht="15.75" customHeight="1">
      <c r="A118" s="63"/>
      <c r="B118" s="63"/>
      <c r="C118" s="63"/>
      <c r="D118" s="66"/>
      <c r="E118" s="69"/>
      <c r="F118" s="67"/>
      <c r="G118" s="63"/>
      <c r="H118" s="46"/>
    </row>
    <row r="119" spans="1:8" s="44" customFormat="1" ht="15.75" customHeight="1">
      <c r="A119" s="62"/>
      <c r="B119" s="62"/>
      <c r="C119" s="62"/>
      <c r="D119" s="64"/>
      <c r="E119" s="68"/>
      <c r="F119" s="65"/>
      <c r="G119" s="62"/>
      <c r="H119" s="45"/>
    </row>
    <row r="120" spans="1:8" s="44" customFormat="1" ht="15.75" customHeight="1">
      <c r="A120" s="63"/>
      <c r="B120" s="63"/>
      <c r="C120" s="63"/>
      <c r="D120" s="66"/>
      <c r="E120" s="69"/>
      <c r="F120" s="67"/>
      <c r="G120" s="63"/>
      <c r="H120" s="46"/>
    </row>
    <row r="121" spans="1:8" s="44" customFormat="1" ht="15.75" customHeight="1">
      <c r="A121" s="62"/>
      <c r="B121" s="62"/>
      <c r="C121" s="62"/>
      <c r="D121" s="64"/>
      <c r="E121" s="68"/>
      <c r="F121" s="65"/>
      <c r="G121" s="62"/>
      <c r="H121" s="45"/>
    </row>
    <row r="122" spans="1:8" s="44" customFormat="1" ht="15.75" customHeight="1">
      <c r="A122" s="63"/>
      <c r="B122" s="63"/>
      <c r="C122" s="63"/>
      <c r="D122" s="66"/>
      <c r="E122" s="69"/>
      <c r="F122" s="67"/>
      <c r="G122" s="63"/>
      <c r="H122" s="46"/>
    </row>
    <row r="123" spans="1:8" s="44" customFormat="1" ht="15.75" customHeight="1">
      <c r="A123" s="62"/>
      <c r="B123" s="62"/>
      <c r="C123" s="62"/>
      <c r="D123" s="64"/>
      <c r="E123" s="68"/>
      <c r="F123" s="65"/>
      <c r="G123" s="62"/>
      <c r="H123" s="45"/>
    </row>
    <row r="124" spans="1:8" s="44" customFormat="1" ht="15.75" customHeight="1">
      <c r="A124" s="63"/>
      <c r="B124" s="63"/>
      <c r="C124" s="63"/>
      <c r="D124" s="66"/>
      <c r="E124" s="69"/>
      <c r="F124" s="67"/>
      <c r="G124" s="63"/>
      <c r="H124" s="46"/>
    </row>
    <row r="125" spans="1:8" s="44" customFormat="1" ht="15.75" customHeight="1">
      <c r="A125" s="62"/>
      <c r="B125" s="62"/>
      <c r="C125" s="62"/>
      <c r="D125" s="64"/>
      <c r="E125" s="68"/>
      <c r="F125" s="65"/>
      <c r="G125" s="62"/>
      <c r="H125" s="45"/>
    </row>
    <row r="126" spans="1:8" s="44" customFormat="1" ht="15.75" customHeight="1">
      <c r="A126" s="63"/>
      <c r="B126" s="63"/>
      <c r="C126" s="63"/>
      <c r="D126" s="66"/>
      <c r="E126" s="69"/>
      <c r="F126" s="67"/>
      <c r="G126" s="63"/>
      <c r="H126" s="46"/>
    </row>
    <row r="127" spans="1:8" s="44" customFormat="1" ht="15.75" customHeight="1">
      <c r="A127" s="62"/>
      <c r="B127" s="62"/>
      <c r="C127" s="62"/>
      <c r="D127" s="64"/>
      <c r="E127" s="68"/>
      <c r="F127" s="65"/>
      <c r="G127" s="62"/>
      <c r="H127" s="45"/>
    </row>
    <row r="128" spans="1:8" s="44" customFormat="1" ht="15.75" customHeight="1">
      <c r="A128" s="63"/>
      <c r="B128" s="63"/>
      <c r="C128" s="63"/>
      <c r="D128" s="66"/>
      <c r="E128" s="69"/>
      <c r="F128" s="67"/>
      <c r="G128" s="63"/>
      <c r="H128" s="46"/>
    </row>
    <row r="129" spans="1:8" s="44" customFormat="1" ht="15.75" customHeight="1">
      <c r="A129" s="62"/>
      <c r="B129" s="62"/>
      <c r="C129" s="62"/>
      <c r="D129" s="64"/>
      <c r="E129" s="68"/>
      <c r="F129" s="65"/>
      <c r="G129" s="62"/>
      <c r="H129" s="45"/>
    </row>
    <row r="130" spans="1:8" s="44" customFormat="1" ht="15.75" customHeight="1">
      <c r="A130" s="63"/>
      <c r="B130" s="63"/>
      <c r="C130" s="63"/>
      <c r="D130" s="66"/>
      <c r="E130" s="69"/>
      <c r="F130" s="67"/>
      <c r="G130" s="63"/>
      <c r="H130" s="46"/>
    </row>
    <row r="131" spans="1:8" s="44" customFormat="1" ht="15.75" customHeight="1">
      <c r="A131" s="62"/>
      <c r="B131" s="62"/>
      <c r="C131" s="62"/>
      <c r="D131" s="64"/>
      <c r="E131" s="68"/>
      <c r="F131" s="65"/>
      <c r="G131" s="62"/>
      <c r="H131" s="45"/>
    </row>
    <row r="132" spans="1:8" s="44" customFormat="1" ht="15.75" customHeight="1">
      <c r="A132" s="63"/>
      <c r="B132" s="63"/>
      <c r="C132" s="63"/>
      <c r="D132" s="66"/>
      <c r="E132" s="69"/>
      <c r="F132" s="67"/>
      <c r="G132" s="63"/>
      <c r="H132" s="46"/>
    </row>
  </sheetData>
  <mergeCells count="308">
    <mergeCell ref="G13:G14"/>
    <mergeCell ref="A2:H2"/>
    <mergeCell ref="A4:H4"/>
    <mergeCell ref="B6:H6"/>
    <mergeCell ref="B7:H7"/>
    <mergeCell ref="A9:A10"/>
    <mergeCell ref="G9:G10"/>
    <mergeCell ref="A5:B5"/>
    <mergeCell ref="C9:C10"/>
    <mergeCell ref="B9:B10"/>
    <mergeCell ref="D13:F14"/>
    <mergeCell ref="C13:C14"/>
    <mergeCell ref="B13:B14"/>
    <mergeCell ref="A13:A14"/>
    <mergeCell ref="D9:F10"/>
    <mergeCell ref="D12:F12"/>
    <mergeCell ref="A17:A18"/>
    <mergeCell ref="B17:B18"/>
    <mergeCell ref="C17:C18"/>
    <mergeCell ref="D17:F18"/>
    <mergeCell ref="G17:G18"/>
    <mergeCell ref="A15:A16"/>
    <mergeCell ref="B15:B16"/>
    <mergeCell ref="C15:C16"/>
    <mergeCell ref="D15:F16"/>
    <mergeCell ref="G15:G16"/>
    <mergeCell ref="A21:A22"/>
    <mergeCell ref="B21:B22"/>
    <mergeCell ref="C21:C22"/>
    <mergeCell ref="D21:F22"/>
    <mergeCell ref="G21:G22"/>
    <mergeCell ref="A19:A20"/>
    <mergeCell ref="B19:B20"/>
    <mergeCell ref="C19:C20"/>
    <mergeCell ref="D19:F20"/>
    <mergeCell ref="G19:G20"/>
    <mergeCell ref="A25:A26"/>
    <mergeCell ref="B25:B26"/>
    <mergeCell ref="C25:C26"/>
    <mergeCell ref="D25:F26"/>
    <mergeCell ref="G25:G26"/>
    <mergeCell ref="A23:A24"/>
    <mergeCell ref="B23:B24"/>
    <mergeCell ref="C23:C24"/>
    <mergeCell ref="D23:F24"/>
    <mergeCell ref="G23:G24"/>
    <mergeCell ref="A29:A30"/>
    <mergeCell ref="B29:B30"/>
    <mergeCell ref="C29:C30"/>
    <mergeCell ref="D29:F30"/>
    <mergeCell ref="G29:G30"/>
    <mergeCell ref="A27:A28"/>
    <mergeCell ref="B27:B28"/>
    <mergeCell ref="C27:C28"/>
    <mergeCell ref="D27:F28"/>
    <mergeCell ref="G27:G28"/>
    <mergeCell ref="A33:A34"/>
    <mergeCell ref="B33:B34"/>
    <mergeCell ref="C33:C34"/>
    <mergeCell ref="D33:F34"/>
    <mergeCell ref="G33:G34"/>
    <mergeCell ref="A31:A32"/>
    <mergeCell ref="B31:B32"/>
    <mergeCell ref="C31:C32"/>
    <mergeCell ref="D31:F32"/>
    <mergeCell ref="G31:G32"/>
    <mergeCell ref="A37:A38"/>
    <mergeCell ref="B37:B38"/>
    <mergeCell ref="C37:C38"/>
    <mergeCell ref="D37:F38"/>
    <mergeCell ref="G37:G38"/>
    <mergeCell ref="A35:A36"/>
    <mergeCell ref="B35:B36"/>
    <mergeCell ref="C35:C36"/>
    <mergeCell ref="D35:F36"/>
    <mergeCell ref="G35:G36"/>
    <mergeCell ref="A41:A42"/>
    <mergeCell ref="B41:B42"/>
    <mergeCell ref="C41:C42"/>
    <mergeCell ref="D41:F42"/>
    <mergeCell ref="G41:G42"/>
    <mergeCell ref="A39:A40"/>
    <mergeCell ref="B39:B40"/>
    <mergeCell ref="C39:C40"/>
    <mergeCell ref="D39:F40"/>
    <mergeCell ref="G39:G40"/>
    <mergeCell ref="G44:G45"/>
    <mergeCell ref="A46:A47"/>
    <mergeCell ref="B46:B47"/>
    <mergeCell ref="C46:C47"/>
    <mergeCell ref="D46:F47"/>
    <mergeCell ref="G46:G47"/>
    <mergeCell ref="D43:F43"/>
    <mergeCell ref="A44:A45"/>
    <mergeCell ref="B44:B45"/>
    <mergeCell ref="C44:C45"/>
    <mergeCell ref="D44:F45"/>
    <mergeCell ref="A50:A51"/>
    <mergeCell ref="B50:B51"/>
    <mergeCell ref="C50:C51"/>
    <mergeCell ref="D50:F51"/>
    <mergeCell ref="G50:G51"/>
    <mergeCell ref="A48:A49"/>
    <mergeCell ref="B48:B49"/>
    <mergeCell ref="C48:C49"/>
    <mergeCell ref="D48:F49"/>
    <mergeCell ref="G48:G49"/>
    <mergeCell ref="A54:A55"/>
    <mergeCell ref="B54:B55"/>
    <mergeCell ref="C54:C55"/>
    <mergeCell ref="D54:F55"/>
    <mergeCell ref="G54:G55"/>
    <mergeCell ref="A52:A53"/>
    <mergeCell ref="B52:B53"/>
    <mergeCell ref="C52:C53"/>
    <mergeCell ref="D52:F53"/>
    <mergeCell ref="G52:G53"/>
    <mergeCell ref="A58:A59"/>
    <mergeCell ref="B58:B59"/>
    <mergeCell ref="C58:C59"/>
    <mergeCell ref="D58:F59"/>
    <mergeCell ref="G58:G59"/>
    <mergeCell ref="A56:A57"/>
    <mergeCell ref="B56:B57"/>
    <mergeCell ref="C56:C57"/>
    <mergeCell ref="D56:F57"/>
    <mergeCell ref="G56:G57"/>
    <mergeCell ref="A62:A63"/>
    <mergeCell ref="B62:B63"/>
    <mergeCell ref="C62:C63"/>
    <mergeCell ref="D62:F63"/>
    <mergeCell ref="G62:G63"/>
    <mergeCell ref="A60:A61"/>
    <mergeCell ref="B60:B61"/>
    <mergeCell ref="C60:C61"/>
    <mergeCell ref="D60:F61"/>
    <mergeCell ref="G60:G61"/>
    <mergeCell ref="A66:A67"/>
    <mergeCell ref="B66:B67"/>
    <mergeCell ref="C66:C67"/>
    <mergeCell ref="D66:F67"/>
    <mergeCell ref="G66:G67"/>
    <mergeCell ref="A64:A65"/>
    <mergeCell ref="B64:B65"/>
    <mergeCell ref="C64:C65"/>
    <mergeCell ref="D64:F65"/>
    <mergeCell ref="G64:G65"/>
    <mergeCell ref="A70:A71"/>
    <mergeCell ref="B70:B71"/>
    <mergeCell ref="C70:C71"/>
    <mergeCell ref="D70:F71"/>
    <mergeCell ref="G70:G71"/>
    <mergeCell ref="A68:A69"/>
    <mergeCell ref="B68:B69"/>
    <mergeCell ref="C68:C69"/>
    <mergeCell ref="D68:F69"/>
    <mergeCell ref="G68:G69"/>
    <mergeCell ref="A74:A75"/>
    <mergeCell ref="B74:B75"/>
    <mergeCell ref="C74:C75"/>
    <mergeCell ref="D74:F75"/>
    <mergeCell ref="G74:G75"/>
    <mergeCell ref="A72:A73"/>
    <mergeCell ref="B72:B73"/>
    <mergeCell ref="C72:C73"/>
    <mergeCell ref="D72:F73"/>
    <mergeCell ref="G72:G73"/>
    <mergeCell ref="A78:A79"/>
    <mergeCell ref="B78:B79"/>
    <mergeCell ref="C78:C79"/>
    <mergeCell ref="D78:F79"/>
    <mergeCell ref="G78:G79"/>
    <mergeCell ref="A76:A77"/>
    <mergeCell ref="B76:B77"/>
    <mergeCell ref="C76:C77"/>
    <mergeCell ref="D76:F77"/>
    <mergeCell ref="G76:G77"/>
    <mergeCell ref="A82:A83"/>
    <mergeCell ref="B82:B83"/>
    <mergeCell ref="C82:C83"/>
    <mergeCell ref="D82:F83"/>
    <mergeCell ref="G82:G83"/>
    <mergeCell ref="A80:A81"/>
    <mergeCell ref="B80:B81"/>
    <mergeCell ref="C80:C81"/>
    <mergeCell ref="D80:F81"/>
    <mergeCell ref="G80:G81"/>
    <mergeCell ref="D88:F88"/>
    <mergeCell ref="A86:A87"/>
    <mergeCell ref="B86:B87"/>
    <mergeCell ref="C86:C87"/>
    <mergeCell ref="D86:F87"/>
    <mergeCell ref="G86:G87"/>
    <mergeCell ref="A84:A85"/>
    <mergeCell ref="B84:B85"/>
    <mergeCell ref="C84:C85"/>
    <mergeCell ref="D84:F85"/>
    <mergeCell ref="G84:G85"/>
    <mergeCell ref="A89:A90"/>
    <mergeCell ref="B89:B90"/>
    <mergeCell ref="C89:C90"/>
    <mergeCell ref="D89:F90"/>
    <mergeCell ref="G89:G90"/>
    <mergeCell ref="A91:A92"/>
    <mergeCell ref="B91:B92"/>
    <mergeCell ref="C91:C92"/>
    <mergeCell ref="D91:F92"/>
    <mergeCell ref="G91:G92"/>
    <mergeCell ref="A95:A96"/>
    <mergeCell ref="B95:B96"/>
    <mergeCell ref="C95:C96"/>
    <mergeCell ref="D95:F96"/>
    <mergeCell ref="G95:G96"/>
    <mergeCell ref="A93:A94"/>
    <mergeCell ref="B93:B94"/>
    <mergeCell ref="C93:C94"/>
    <mergeCell ref="D93:F94"/>
    <mergeCell ref="G93:G94"/>
    <mergeCell ref="A99:A100"/>
    <mergeCell ref="B99:B100"/>
    <mergeCell ref="C99:C100"/>
    <mergeCell ref="D99:F100"/>
    <mergeCell ref="G99:G100"/>
    <mergeCell ref="A97:A98"/>
    <mergeCell ref="B97:B98"/>
    <mergeCell ref="C97:C98"/>
    <mergeCell ref="D97:F98"/>
    <mergeCell ref="G97:G98"/>
    <mergeCell ref="A103:A104"/>
    <mergeCell ref="B103:B104"/>
    <mergeCell ref="C103:C104"/>
    <mergeCell ref="D103:F104"/>
    <mergeCell ref="G103:G104"/>
    <mergeCell ref="A101:A102"/>
    <mergeCell ref="B101:B102"/>
    <mergeCell ref="C101:C102"/>
    <mergeCell ref="D101:F102"/>
    <mergeCell ref="G101:G102"/>
    <mergeCell ref="A107:A108"/>
    <mergeCell ref="B107:B108"/>
    <mergeCell ref="C107:C108"/>
    <mergeCell ref="D107:F108"/>
    <mergeCell ref="G107:G108"/>
    <mergeCell ref="A105:A106"/>
    <mergeCell ref="B105:B106"/>
    <mergeCell ref="C105:C106"/>
    <mergeCell ref="D105:F106"/>
    <mergeCell ref="G105:G106"/>
    <mergeCell ref="A111:A112"/>
    <mergeCell ref="B111:B112"/>
    <mergeCell ref="C111:C112"/>
    <mergeCell ref="D111:F112"/>
    <mergeCell ref="G111:G112"/>
    <mergeCell ref="A109:A110"/>
    <mergeCell ref="B109:B110"/>
    <mergeCell ref="C109:C110"/>
    <mergeCell ref="D109:F110"/>
    <mergeCell ref="G109:G110"/>
    <mergeCell ref="A115:A116"/>
    <mergeCell ref="B115:B116"/>
    <mergeCell ref="C115:C116"/>
    <mergeCell ref="D115:F116"/>
    <mergeCell ref="G115:G116"/>
    <mergeCell ref="A113:A114"/>
    <mergeCell ref="B113:B114"/>
    <mergeCell ref="C113:C114"/>
    <mergeCell ref="D113:F114"/>
    <mergeCell ref="G113:G114"/>
    <mergeCell ref="A119:A120"/>
    <mergeCell ref="B119:B120"/>
    <mergeCell ref="C119:C120"/>
    <mergeCell ref="D119:F120"/>
    <mergeCell ref="G119:G120"/>
    <mergeCell ref="A117:A118"/>
    <mergeCell ref="B117:B118"/>
    <mergeCell ref="C117:C118"/>
    <mergeCell ref="D117:F118"/>
    <mergeCell ref="G117:G118"/>
    <mergeCell ref="A123:A124"/>
    <mergeCell ref="B123:B124"/>
    <mergeCell ref="C123:C124"/>
    <mergeCell ref="D123:F124"/>
    <mergeCell ref="G123:G124"/>
    <mergeCell ref="A121:A122"/>
    <mergeCell ref="B121:B122"/>
    <mergeCell ref="C121:C122"/>
    <mergeCell ref="D121:F122"/>
    <mergeCell ref="G121:G122"/>
    <mergeCell ref="A127:A128"/>
    <mergeCell ref="B127:B128"/>
    <mergeCell ref="C127:C128"/>
    <mergeCell ref="D127:F128"/>
    <mergeCell ref="G127:G128"/>
    <mergeCell ref="A125:A126"/>
    <mergeCell ref="B125:B126"/>
    <mergeCell ref="C125:C126"/>
    <mergeCell ref="D125:F126"/>
    <mergeCell ref="G125:G126"/>
    <mergeCell ref="A131:A132"/>
    <mergeCell ref="B131:B132"/>
    <mergeCell ref="C131:C132"/>
    <mergeCell ref="D131:F132"/>
    <mergeCell ref="G131:G132"/>
    <mergeCell ref="A129:A130"/>
    <mergeCell ref="B129:B130"/>
    <mergeCell ref="C129:C130"/>
    <mergeCell ref="D129:F130"/>
    <mergeCell ref="G129:G130"/>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01570D-B143-48E4-94DC-1CAF1B81582C}">
  <dimension ref="A2:I53"/>
  <sheetViews>
    <sheetView view="pageBreakPreview" zoomScale="85" zoomScaleNormal="100" zoomScaleSheetLayoutView="85" workbookViewId="0"/>
  </sheetViews>
  <sheetFormatPr defaultRowHeight="13.5"/>
  <cols>
    <col min="1" max="1" width="5.25" style="4" customWidth="1"/>
    <col min="2" max="16384" width="9" style="4"/>
  </cols>
  <sheetData>
    <row r="2" spans="1:9">
      <c r="A2" s="54" t="s">
        <v>86</v>
      </c>
      <c r="B2" s="54"/>
      <c r="C2" s="54"/>
      <c r="D2" s="54"/>
      <c r="E2" s="54"/>
      <c r="F2" s="54"/>
      <c r="G2" s="54"/>
      <c r="H2" s="54"/>
    </row>
    <row r="4" spans="1:9" ht="18.75" customHeight="1">
      <c r="A4" s="73" t="s">
        <v>87</v>
      </c>
      <c r="B4" s="73"/>
      <c r="C4" s="73"/>
      <c r="D4" s="73"/>
      <c r="E4" s="73"/>
      <c r="F4" s="73"/>
      <c r="G4" s="73"/>
      <c r="H4" s="73"/>
    </row>
    <row r="5" spans="1:9" s="6" customFormat="1" ht="17.25">
      <c r="A5" s="75" t="s">
        <v>46</v>
      </c>
      <c r="B5" s="75"/>
      <c r="C5" s="36"/>
      <c r="D5" s="36"/>
    </row>
    <row r="6" spans="1:9" s="6" customFormat="1" ht="27.75" customHeight="1">
      <c r="A6" s="37">
        <v>1</v>
      </c>
      <c r="B6" s="74" t="s">
        <v>88</v>
      </c>
      <c r="C6" s="74"/>
      <c r="D6" s="74"/>
      <c r="E6" s="74"/>
      <c r="F6" s="74"/>
      <c r="G6" s="74"/>
      <c r="H6" s="74"/>
    </row>
    <row r="7" spans="1:9" s="6" customFormat="1" ht="41.25" customHeight="1">
      <c r="A7" s="37">
        <v>2</v>
      </c>
      <c r="B7" s="74" t="s">
        <v>89</v>
      </c>
      <c r="C7" s="74"/>
      <c r="D7" s="74"/>
      <c r="E7" s="74"/>
      <c r="F7" s="74"/>
      <c r="G7" s="74"/>
      <c r="H7" s="74"/>
    </row>
    <row r="8" spans="1:9" ht="35.25" customHeight="1">
      <c r="A8" s="89" t="s">
        <v>92</v>
      </c>
      <c r="B8" s="89"/>
      <c r="C8" s="89" t="s">
        <v>90</v>
      </c>
      <c r="D8" s="89"/>
      <c r="E8" s="89"/>
      <c r="F8" s="89"/>
      <c r="G8" s="89" t="s">
        <v>91</v>
      </c>
      <c r="H8" s="89"/>
    </row>
    <row r="9" spans="1:9" ht="48" customHeight="1">
      <c r="A9" s="88"/>
      <c r="B9" s="88"/>
      <c r="C9" s="88"/>
      <c r="D9" s="88"/>
      <c r="E9" s="88"/>
      <c r="F9" s="88"/>
      <c r="G9" s="88"/>
      <c r="H9" s="88"/>
      <c r="I9" s="3" t="s">
        <v>102</v>
      </c>
    </row>
    <row r="10" spans="1:9" ht="48" customHeight="1">
      <c r="A10" s="88"/>
      <c r="B10" s="88"/>
      <c r="C10" s="88"/>
      <c r="D10" s="88"/>
      <c r="E10" s="88"/>
      <c r="F10" s="88"/>
      <c r="G10" s="88"/>
      <c r="H10" s="88"/>
    </row>
    <row r="11" spans="1:9" ht="48" customHeight="1">
      <c r="A11" s="88"/>
      <c r="B11" s="88"/>
      <c r="C11" s="88"/>
      <c r="D11" s="88"/>
      <c r="E11" s="88"/>
      <c r="F11" s="88"/>
      <c r="G11" s="88"/>
      <c r="H11" s="88"/>
    </row>
    <row r="12" spans="1:9" ht="48" customHeight="1">
      <c r="A12" s="88"/>
      <c r="B12" s="88"/>
      <c r="C12" s="88"/>
      <c r="D12" s="88"/>
      <c r="E12" s="88"/>
      <c r="F12" s="88"/>
      <c r="G12" s="88"/>
      <c r="H12" s="88"/>
    </row>
    <row r="13" spans="1:9" ht="48" customHeight="1">
      <c r="A13" s="88"/>
      <c r="B13" s="88"/>
      <c r="C13" s="88"/>
      <c r="D13" s="88"/>
      <c r="E13" s="88"/>
      <c r="F13" s="88"/>
      <c r="G13" s="88"/>
      <c r="H13" s="88"/>
    </row>
    <row r="14" spans="1:9" ht="48" customHeight="1">
      <c r="A14" s="88"/>
      <c r="B14" s="88"/>
      <c r="C14" s="88"/>
      <c r="D14" s="88"/>
      <c r="E14" s="88"/>
      <c r="F14" s="88"/>
      <c r="G14" s="88"/>
      <c r="H14" s="88"/>
    </row>
    <row r="15" spans="1:9" ht="48" customHeight="1">
      <c r="A15" s="88"/>
      <c r="B15" s="88"/>
      <c r="C15" s="88"/>
      <c r="D15" s="88"/>
      <c r="E15" s="88"/>
      <c r="F15" s="88"/>
      <c r="G15" s="88"/>
      <c r="H15" s="88"/>
    </row>
    <row r="16" spans="1:9" ht="48" customHeight="1">
      <c r="A16" s="88"/>
      <c r="B16" s="88"/>
      <c r="C16" s="88"/>
      <c r="D16" s="88"/>
      <c r="E16" s="88"/>
      <c r="F16" s="88"/>
      <c r="G16" s="88"/>
      <c r="H16" s="88"/>
    </row>
    <row r="17" spans="1:8" ht="48" customHeight="1">
      <c r="A17" s="88"/>
      <c r="B17" s="88"/>
      <c r="C17" s="88"/>
      <c r="D17" s="88"/>
      <c r="E17" s="88"/>
      <c r="F17" s="88"/>
      <c r="G17" s="88"/>
      <c r="H17" s="88"/>
    </row>
    <row r="18" spans="1:8" ht="48" customHeight="1">
      <c r="A18" s="88"/>
      <c r="B18" s="88"/>
      <c r="C18" s="88"/>
      <c r="D18" s="88"/>
      <c r="E18" s="88"/>
      <c r="F18" s="88"/>
      <c r="G18" s="88"/>
      <c r="H18" s="88"/>
    </row>
    <row r="19" spans="1:8" ht="48" customHeight="1">
      <c r="A19" s="88"/>
      <c r="B19" s="88"/>
      <c r="C19" s="88"/>
      <c r="D19" s="88"/>
      <c r="E19" s="88"/>
      <c r="F19" s="88"/>
      <c r="G19" s="88"/>
      <c r="H19" s="88"/>
    </row>
    <row r="20" spans="1:8" s="44" customFormat="1" ht="35.25" customHeight="1">
      <c r="A20" s="89" t="s">
        <v>92</v>
      </c>
      <c r="B20" s="89"/>
      <c r="C20" s="89" t="s">
        <v>90</v>
      </c>
      <c r="D20" s="89"/>
      <c r="E20" s="89"/>
      <c r="F20" s="89"/>
      <c r="G20" s="89" t="s">
        <v>91</v>
      </c>
      <c r="H20" s="89"/>
    </row>
    <row r="21" spans="1:8" s="44" customFormat="1" ht="48" customHeight="1">
      <c r="A21" s="88"/>
      <c r="B21" s="88"/>
      <c r="C21" s="88"/>
      <c r="D21" s="88"/>
      <c r="E21" s="88"/>
      <c r="F21" s="88"/>
      <c r="G21" s="88"/>
      <c r="H21" s="88"/>
    </row>
    <row r="22" spans="1:8" s="44" customFormat="1" ht="48" customHeight="1">
      <c r="A22" s="88"/>
      <c r="B22" s="88"/>
      <c r="C22" s="88"/>
      <c r="D22" s="88"/>
      <c r="E22" s="88"/>
      <c r="F22" s="88"/>
      <c r="G22" s="88"/>
      <c r="H22" s="88"/>
    </row>
    <row r="23" spans="1:8" s="44" customFormat="1" ht="48" customHeight="1">
      <c r="A23" s="88"/>
      <c r="B23" s="88"/>
      <c r="C23" s="88"/>
      <c r="D23" s="88"/>
      <c r="E23" s="88"/>
      <c r="F23" s="88"/>
      <c r="G23" s="88"/>
      <c r="H23" s="88"/>
    </row>
    <row r="24" spans="1:8" s="44" customFormat="1" ht="48" customHeight="1">
      <c r="A24" s="88"/>
      <c r="B24" s="88"/>
      <c r="C24" s="88"/>
      <c r="D24" s="88"/>
      <c r="E24" s="88"/>
      <c r="F24" s="88"/>
      <c r="G24" s="88"/>
      <c r="H24" s="88"/>
    </row>
    <row r="25" spans="1:8" s="44" customFormat="1" ht="48" customHeight="1">
      <c r="A25" s="88"/>
      <c r="B25" s="88"/>
      <c r="C25" s="88"/>
      <c r="D25" s="88"/>
      <c r="E25" s="88"/>
      <c r="F25" s="88"/>
      <c r="G25" s="88"/>
      <c r="H25" s="88"/>
    </row>
    <row r="26" spans="1:8" s="44" customFormat="1" ht="48" customHeight="1">
      <c r="A26" s="88"/>
      <c r="B26" s="88"/>
      <c r="C26" s="88"/>
      <c r="D26" s="88"/>
      <c r="E26" s="88"/>
      <c r="F26" s="88"/>
      <c r="G26" s="88"/>
      <c r="H26" s="88"/>
    </row>
    <row r="27" spans="1:8" s="44" customFormat="1" ht="48" customHeight="1">
      <c r="A27" s="88"/>
      <c r="B27" s="88"/>
      <c r="C27" s="88"/>
      <c r="D27" s="88"/>
      <c r="E27" s="88"/>
      <c r="F27" s="88"/>
      <c r="G27" s="88"/>
      <c r="H27" s="88"/>
    </row>
    <row r="28" spans="1:8" s="44" customFormat="1" ht="48" customHeight="1">
      <c r="A28" s="88"/>
      <c r="B28" s="88"/>
      <c r="C28" s="88"/>
      <c r="D28" s="88"/>
      <c r="E28" s="88"/>
      <c r="F28" s="88"/>
      <c r="G28" s="88"/>
      <c r="H28" s="88"/>
    </row>
    <row r="29" spans="1:8" s="44" customFormat="1" ht="48" customHeight="1">
      <c r="A29" s="88"/>
      <c r="B29" s="88"/>
      <c r="C29" s="88"/>
      <c r="D29" s="88"/>
      <c r="E29" s="88"/>
      <c r="F29" s="88"/>
      <c r="G29" s="88"/>
      <c r="H29" s="88"/>
    </row>
    <row r="30" spans="1:8" s="44" customFormat="1" ht="48" customHeight="1">
      <c r="A30" s="88"/>
      <c r="B30" s="88"/>
      <c r="C30" s="88"/>
      <c r="D30" s="88"/>
      <c r="E30" s="88"/>
      <c r="F30" s="88"/>
      <c r="G30" s="88"/>
      <c r="H30" s="88"/>
    </row>
    <row r="31" spans="1:8" s="44" customFormat="1" ht="48" customHeight="1">
      <c r="A31" s="88"/>
      <c r="B31" s="88"/>
      <c r="C31" s="88"/>
      <c r="D31" s="88"/>
      <c r="E31" s="88"/>
      <c r="F31" s="88"/>
      <c r="G31" s="88"/>
      <c r="H31" s="88"/>
    </row>
    <row r="32" spans="1:8" s="44" customFormat="1" ht="48" customHeight="1">
      <c r="A32" s="88"/>
      <c r="B32" s="88"/>
      <c r="C32" s="88"/>
      <c r="D32" s="88"/>
      <c r="E32" s="88"/>
      <c r="F32" s="88"/>
      <c r="G32" s="88"/>
      <c r="H32" s="88"/>
    </row>
    <row r="33" spans="1:8" s="44" customFormat="1" ht="48" customHeight="1">
      <c r="A33" s="88"/>
      <c r="B33" s="88"/>
      <c r="C33" s="88"/>
      <c r="D33" s="88"/>
      <c r="E33" s="88"/>
      <c r="F33" s="88"/>
      <c r="G33" s="88"/>
      <c r="H33" s="88"/>
    </row>
    <row r="34" spans="1:8" s="44" customFormat="1" ht="48" customHeight="1">
      <c r="A34" s="88"/>
      <c r="B34" s="88"/>
      <c r="C34" s="88"/>
      <c r="D34" s="88"/>
      <c r="E34" s="88"/>
      <c r="F34" s="88"/>
      <c r="G34" s="88"/>
      <c r="H34" s="88"/>
    </row>
    <row r="35" spans="1:8" s="44" customFormat="1" ht="35.25" customHeight="1">
      <c r="A35" s="89" t="s">
        <v>92</v>
      </c>
      <c r="B35" s="89"/>
      <c r="C35" s="89" t="s">
        <v>90</v>
      </c>
      <c r="D35" s="89"/>
      <c r="E35" s="89"/>
      <c r="F35" s="89"/>
      <c r="G35" s="89" t="s">
        <v>91</v>
      </c>
      <c r="H35" s="89"/>
    </row>
    <row r="36" spans="1:8" s="44" customFormat="1" ht="48" customHeight="1">
      <c r="A36" s="88"/>
      <c r="B36" s="88"/>
      <c r="C36" s="88"/>
      <c r="D36" s="88"/>
      <c r="E36" s="88"/>
      <c r="F36" s="88"/>
      <c r="G36" s="88"/>
      <c r="H36" s="88"/>
    </row>
    <row r="37" spans="1:8" s="44" customFormat="1" ht="48" customHeight="1">
      <c r="A37" s="88"/>
      <c r="B37" s="88"/>
      <c r="C37" s="88"/>
      <c r="D37" s="88"/>
      <c r="E37" s="88"/>
      <c r="F37" s="88"/>
      <c r="G37" s="88"/>
      <c r="H37" s="88"/>
    </row>
    <row r="38" spans="1:8" s="44" customFormat="1" ht="48" customHeight="1">
      <c r="A38" s="88"/>
      <c r="B38" s="88"/>
      <c r="C38" s="88"/>
      <c r="D38" s="88"/>
      <c r="E38" s="88"/>
      <c r="F38" s="88"/>
      <c r="G38" s="88"/>
      <c r="H38" s="88"/>
    </row>
    <row r="39" spans="1:8" s="44" customFormat="1" ht="48" customHeight="1">
      <c r="A39" s="88"/>
      <c r="B39" s="88"/>
      <c r="C39" s="88"/>
      <c r="D39" s="88"/>
      <c r="E39" s="88"/>
      <c r="F39" s="88"/>
      <c r="G39" s="88"/>
      <c r="H39" s="88"/>
    </row>
    <row r="40" spans="1:8" s="44" customFormat="1" ht="48" customHeight="1">
      <c r="A40" s="88"/>
      <c r="B40" s="88"/>
      <c r="C40" s="88"/>
      <c r="D40" s="88"/>
      <c r="E40" s="88"/>
      <c r="F40" s="88"/>
      <c r="G40" s="88"/>
      <c r="H40" s="88"/>
    </row>
    <row r="41" spans="1:8" s="44" customFormat="1" ht="48" customHeight="1">
      <c r="A41" s="88"/>
      <c r="B41" s="88"/>
      <c r="C41" s="88"/>
      <c r="D41" s="88"/>
      <c r="E41" s="88"/>
      <c r="F41" s="88"/>
      <c r="G41" s="88"/>
      <c r="H41" s="88"/>
    </row>
    <row r="42" spans="1:8" s="44" customFormat="1" ht="48" customHeight="1">
      <c r="A42" s="88"/>
      <c r="B42" s="88"/>
      <c r="C42" s="88"/>
      <c r="D42" s="88"/>
      <c r="E42" s="88"/>
      <c r="F42" s="88"/>
      <c r="G42" s="88"/>
      <c r="H42" s="88"/>
    </row>
    <row r="43" spans="1:8" s="44" customFormat="1" ht="48" customHeight="1">
      <c r="A43" s="88"/>
      <c r="B43" s="88"/>
      <c r="C43" s="88"/>
      <c r="D43" s="88"/>
      <c r="E43" s="88"/>
      <c r="F43" s="88"/>
      <c r="G43" s="88"/>
      <c r="H43" s="88"/>
    </row>
    <row r="44" spans="1:8" s="44" customFormat="1" ht="48" customHeight="1">
      <c r="A44" s="88"/>
      <c r="B44" s="88"/>
      <c r="C44" s="88"/>
      <c r="D44" s="88"/>
      <c r="E44" s="88"/>
      <c r="F44" s="88"/>
      <c r="G44" s="88"/>
      <c r="H44" s="88"/>
    </row>
    <row r="45" spans="1:8" s="44" customFormat="1" ht="48" customHeight="1">
      <c r="A45" s="88"/>
      <c r="B45" s="88"/>
      <c r="C45" s="88"/>
      <c r="D45" s="88"/>
      <c r="E45" s="88"/>
      <c r="F45" s="88"/>
      <c r="G45" s="88"/>
      <c r="H45" s="88"/>
    </row>
    <row r="46" spans="1:8" s="44" customFormat="1" ht="48" customHeight="1">
      <c r="A46" s="88"/>
      <c r="B46" s="88"/>
      <c r="C46" s="88"/>
      <c r="D46" s="88"/>
      <c r="E46" s="88"/>
      <c r="F46" s="88"/>
      <c r="G46" s="88"/>
      <c r="H46" s="88"/>
    </row>
    <row r="47" spans="1:8" s="44" customFormat="1" ht="48" customHeight="1">
      <c r="A47" s="88"/>
      <c r="B47" s="88"/>
      <c r="C47" s="88"/>
      <c r="D47" s="88"/>
      <c r="E47" s="88"/>
      <c r="F47" s="88"/>
      <c r="G47" s="88"/>
      <c r="H47" s="88"/>
    </row>
    <row r="48" spans="1:8" s="44" customFormat="1" ht="48" customHeight="1">
      <c r="A48" s="88"/>
      <c r="B48" s="88"/>
      <c r="C48" s="88"/>
      <c r="D48" s="88"/>
      <c r="E48" s="88"/>
      <c r="F48" s="88"/>
      <c r="G48" s="88"/>
      <c r="H48" s="88"/>
    </row>
    <row r="49" spans="1:8" s="44" customFormat="1" ht="48" customHeight="1">
      <c r="A49" s="88"/>
      <c r="B49" s="88"/>
      <c r="C49" s="88"/>
      <c r="D49" s="88"/>
      <c r="E49" s="88"/>
      <c r="F49" s="88"/>
      <c r="G49" s="88"/>
      <c r="H49" s="88"/>
    </row>
    <row r="50" spans="1:8">
      <c r="A50" s="54"/>
      <c r="B50" s="54"/>
      <c r="C50" s="54"/>
      <c r="D50" s="54"/>
      <c r="E50" s="54"/>
      <c r="F50" s="54"/>
      <c r="G50" s="54"/>
      <c r="H50" s="54"/>
    </row>
    <row r="51" spans="1:8">
      <c r="A51" s="54"/>
      <c r="B51" s="54"/>
      <c r="C51" s="54"/>
      <c r="D51" s="54"/>
      <c r="E51" s="54"/>
      <c r="F51" s="54"/>
      <c r="G51" s="54"/>
      <c r="H51" s="54"/>
    </row>
    <row r="52" spans="1:8">
      <c r="A52" s="54"/>
      <c r="B52" s="54"/>
      <c r="C52" s="54"/>
      <c r="D52" s="54"/>
      <c r="E52" s="54"/>
      <c r="F52" s="54"/>
      <c r="G52" s="54"/>
      <c r="H52" s="54"/>
    </row>
    <row r="53" spans="1:8">
      <c r="A53" s="54"/>
      <c r="B53" s="54"/>
      <c r="C53" s="54"/>
      <c r="D53" s="54"/>
      <c r="E53" s="54"/>
      <c r="F53" s="54"/>
      <c r="G53" s="54"/>
      <c r="H53" s="54"/>
    </row>
  </sheetData>
  <mergeCells count="143">
    <mergeCell ref="A9:B9"/>
    <mergeCell ref="C9:F9"/>
    <mergeCell ref="G9:H9"/>
    <mergeCell ref="A10:B10"/>
    <mergeCell ref="C10:F10"/>
    <mergeCell ref="G10:H10"/>
    <mergeCell ref="A2:H2"/>
    <mergeCell ref="A4:H4"/>
    <mergeCell ref="A5:B5"/>
    <mergeCell ref="B6:H6"/>
    <mergeCell ref="B7:H7"/>
    <mergeCell ref="A8:B8"/>
    <mergeCell ref="C8:F8"/>
    <mergeCell ref="G8:H8"/>
    <mergeCell ref="A13:B13"/>
    <mergeCell ref="C13:F13"/>
    <mergeCell ref="G13:H13"/>
    <mergeCell ref="A14:B14"/>
    <mergeCell ref="C14:F14"/>
    <mergeCell ref="G14:H14"/>
    <mergeCell ref="A11:B11"/>
    <mergeCell ref="C11:F11"/>
    <mergeCell ref="G11:H11"/>
    <mergeCell ref="A12:B12"/>
    <mergeCell ref="C12:F12"/>
    <mergeCell ref="G12:H12"/>
    <mergeCell ref="A17:B17"/>
    <mergeCell ref="C17:F17"/>
    <mergeCell ref="G17:H17"/>
    <mergeCell ref="A18:B18"/>
    <mergeCell ref="C18:F18"/>
    <mergeCell ref="G18:H18"/>
    <mergeCell ref="A15:B15"/>
    <mergeCell ref="C15:F15"/>
    <mergeCell ref="G15:H15"/>
    <mergeCell ref="A16:B16"/>
    <mergeCell ref="C16:F16"/>
    <mergeCell ref="G16:H16"/>
    <mergeCell ref="A21:B21"/>
    <mergeCell ref="C21:F21"/>
    <mergeCell ref="G21:H21"/>
    <mergeCell ref="A22:B22"/>
    <mergeCell ref="C22:F22"/>
    <mergeCell ref="G22:H22"/>
    <mergeCell ref="A19:B19"/>
    <mergeCell ref="C19:F19"/>
    <mergeCell ref="G19:H19"/>
    <mergeCell ref="A20:B20"/>
    <mergeCell ref="C20:F20"/>
    <mergeCell ref="G20:H20"/>
    <mergeCell ref="A25:B25"/>
    <mergeCell ref="C25:F25"/>
    <mergeCell ref="G25:H25"/>
    <mergeCell ref="A26:B26"/>
    <mergeCell ref="C26:F26"/>
    <mergeCell ref="G26:H26"/>
    <mergeCell ref="A23:B23"/>
    <mergeCell ref="C23:F23"/>
    <mergeCell ref="G23:H23"/>
    <mergeCell ref="A24:B24"/>
    <mergeCell ref="C24:F24"/>
    <mergeCell ref="G24:H24"/>
    <mergeCell ref="A29:B29"/>
    <mergeCell ref="C29:F29"/>
    <mergeCell ref="G29:H29"/>
    <mergeCell ref="A30:B30"/>
    <mergeCell ref="C30:F30"/>
    <mergeCell ref="G30:H30"/>
    <mergeCell ref="A27:B27"/>
    <mergeCell ref="C27:F27"/>
    <mergeCell ref="G27:H27"/>
    <mergeCell ref="A28:B28"/>
    <mergeCell ref="C28:F28"/>
    <mergeCell ref="G28:H28"/>
    <mergeCell ref="A33:B33"/>
    <mergeCell ref="C33:F33"/>
    <mergeCell ref="G33:H33"/>
    <mergeCell ref="A34:B34"/>
    <mergeCell ref="C34:F34"/>
    <mergeCell ref="G34:H34"/>
    <mergeCell ref="A31:B31"/>
    <mergeCell ref="C31:F31"/>
    <mergeCell ref="G31:H31"/>
    <mergeCell ref="A32:B32"/>
    <mergeCell ref="C32:F32"/>
    <mergeCell ref="G32:H32"/>
    <mergeCell ref="A37:B37"/>
    <mergeCell ref="C37:F37"/>
    <mergeCell ref="G37:H37"/>
    <mergeCell ref="A38:B38"/>
    <mergeCell ref="C38:F38"/>
    <mergeCell ref="G38:H38"/>
    <mergeCell ref="A35:B35"/>
    <mergeCell ref="C35:F35"/>
    <mergeCell ref="G35:H35"/>
    <mergeCell ref="A36:B36"/>
    <mergeCell ref="C36:F36"/>
    <mergeCell ref="G36:H36"/>
    <mergeCell ref="A41:B41"/>
    <mergeCell ref="C41:F41"/>
    <mergeCell ref="G41:H41"/>
    <mergeCell ref="A42:B42"/>
    <mergeCell ref="C42:F42"/>
    <mergeCell ref="G42:H42"/>
    <mergeCell ref="A39:B39"/>
    <mergeCell ref="C39:F39"/>
    <mergeCell ref="G39:H39"/>
    <mergeCell ref="A40:B40"/>
    <mergeCell ref="C40:F40"/>
    <mergeCell ref="G40:H40"/>
    <mergeCell ref="A45:B45"/>
    <mergeCell ref="C45:F45"/>
    <mergeCell ref="G45:H45"/>
    <mergeCell ref="A46:B46"/>
    <mergeCell ref="C46:F46"/>
    <mergeCell ref="G46:H46"/>
    <mergeCell ref="A43:B43"/>
    <mergeCell ref="C43:F43"/>
    <mergeCell ref="G43:H43"/>
    <mergeCell ref="A44:B44"/>
    <mergeCell ref="C44:F44"/>
    <mergeCell ref="G44:H44"/>
    <mergeCell ref="A49:B49"/>
    <mergeCell ref="C49:F49"/>
    <mergeCell ref="G49:H49"/>
    <mergeCell ref="A50:B50"/>
    <mergeCell ref="C50:F50"/>
    <mergeCell ref="G50:H50"/>
    <mergeCell ref="A47:B47"/>
    <mergeCell ref="C47:F47"/>
    <mergeCell ref="G47:H47"/>
    <mergeCell ref="A48:B48"/>
    <mergeCell ref="C48:F48"/>
    <mergeCell ref="G48:H48"/>
    <mergeCell ref="A53:B53"/>
    <mergeCell ref="C53:F53"/>
    <mergeCell ref="G53:H53"/>
    <mergeCell ref="A51:B51"/>
    <mergeCell ref="C51:F51"/>
    <mergeCell ref="G51:H51"/>
    <mergeCell ref="A52:B52"/>
    <mergeCell ref="C52:F52"/>
    <mergeCell ref="G52:H52"/>
  </mergeCells>
  <phoneticPr fontId="1"/>
  <printOptions horizontalCentered="1"/>
  <pageMargins left="0.70866141732283472" right="0.70866141732283472" top="0.74803149606299213" bottom="0.74803149606299213" header="0.31496062992125984" footer="0.31496062992125984"/>
  <pageSetup paperSize="9" orientation="portrait" verticalDpi="0" r:id="rId1"/>
  <rowBreaks count="1" manualBreakCount="1">
    <brk id="19"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１面</vt:lpstr>
      <vt:lpstr>２面</vt:lpstr>
      <vt:lpstr>３面</vt:lpstr>
      <vt:lpstr>４面</vt:lpstr>
      <vt:lpstr>５面</vt:lpstr>
      <vt:lpstr>'１面'!Print_Area</vt:lpstr>
      <vt:lpstr>'２面'!Print_Area</vt:lpstr>
      <vt:lpstr>'４面'!Print_Area</vt:lpstr>
      <vt:lpstr>'５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永　考司</dc:creator>
  <cp:lastModifiedBy>大永　考司</cp:lastModifiedBy>
  <cp:lastPrinted>2021-08-24T23:35:21Z</cp:lastPrinted>
  <dcterms:created xsi:type="dcterms:W3CDTF">2015-06-05T18:19:34Z</dcterms:created>
  <dcterms:modified xsi:type="dcterms:W3CDTF">2021-09-09T01:08:39Z</dcterms:modified>
</cp:coreProperties>
</file>